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tmp" ContentType="image/p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9"/>
  </p:notesMasterIdLst>
  <p:handoutMasterIdLst>
    <p:handoutMasterId r:id="rId40"/>
  </p:handoutMasterIdLst>
  <p:sldIdLst>
    <p:sldId id="256" r:id="rId8"/>
    <p:sldId id="260" r:id="rId9"/>
    <p:sldId id="288" r:id="rId10"/>
    <p:sldId id="289" r:id="rId11"/>
    <p:sldId id="287" r:id="rId12"/>
    <p:sldId id="290" r:id="rId13"/>
    <p:sldId id="271" r:id="rId14"/>
    <p:sldId id="272" r:id="rId15"/>
    <p:sldId id="292" r:id="rId16"/>
    <p:sldId id="294" r:id="rId17"/>
    <p:sldId id="273" r:id="rId18"/>
    <p:sldId id="296" r:id="rId19"/>
    <p:sldId id="274" r:id="rId20"/>
    <p:sldId id="297" r:id="rId21"/>
    <p:sldId id="298" r:id="rId22"/>
    <p:sldId id="299" r:id="rId23"/>
    <p:sldId id="284" r:id="rId24"/>
    <p:sldId id="267" r:id="rId25"/>
    <p:sldId id="277" r:id="rId26"/>
    <p:sldId id="278" r:id="rId27"/>
    <p:sldId id="279" r:id="rId28"/>
    <p:sldId id="300" r:id="rId29"/>
    <p:sldId id="281" r:id="rId30"/>
    <p:sldId id="282" r:id="rId31"/>
    <p:sldId id="301" r:id="rId32"/>
    <p:sldId id="283" r:id="rId33"/>
    <p:sldId id="304" r:id="rId34"/>
    <p:sldId id="303" r:id="rId35"/>
    <p:sldId id="305" r:id="rId36"/>
    <p:sldId id="280" r:id="rId37"/>
    <p:sldId id="285" r:id="rId38"/>
  </p:sldIdLst>
  <p:sldSz cx="12190413" cy="6858000"/>
  <p:notesSz cx="6858000" cy="9144000"/>
  <p:custDataLst>
    <p:tags r:id="rId4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187811C-1732-45C9-9529-FA7F9D274379}" v="4360" dt="2021-06-15T14:27:12.51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BC89EF96-8CEA-46FF-86C4-4CE0E7609802}" styleName="Light Style 3 - Accent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8025" autoAdjust="0"/>
    <p:restoredTop sz="80952" autoAdjust="0"/>
  </p:normalViewPr>
  <p:slideViewPr>
    <p:cSldViewPr showGuides="1">
      <p:cViewPr varScale="1">
        <p:scale>
          <a:sx n="81" d="100"/>
          <a:sy n="81" d="100"/>
        </p:scale>
        <p:origin x="614" y="5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slide" Target="slides/slide27.xml"/><Relationship Id="rId42" Type="http://schemas.openxmlformats.org/officeDocument/2006/relationships/presProps" Target="presProps.xml"/><Relationship Id="rId47" Type="http://schemas.microsoft.com/office/2015/10/relationships/revisionInfo" Target="revisionInfo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slide" Target="slides/slide31.xml"/><Relationship Id="rId46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41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slide" Target="slides/slide30.xml"/><Relationship Id="rId40" Type="http://schemas.openxmlformats.org/officeDocument/2006/relationships/handoutMaster" Target="handoutMasters/handoutMaster1.xml"/><Relationship Id="rId45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slide" Target="slides/slide29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slide" Target="slides/slide28.xml"/><Relationship Id="rId43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lan Wai Hou Lio" userId="4e2e7dda-a9a8-4e9f-8daf-fb8d3a66df36" providerId="ADAL" clId="{65674BCC-BC5D-4491-9E1A-E700DDE5ED59}"/>
    <pc:docChg chg="undo custSel addSld delSld modSld modMainMaster">
      <pc:chgData name="Alan Wai Hou Lio" userId="4e2e7dda-a9a8-4e9f-8daf-fb8d3a66df36" providerId="ADAL" clId="{65674BCC-BC5D-4491-9E1A-E700DDE5ED59}" dt="2021-06-07T14:36:26.928" v="3640"/>
      <pc:docMkLst>
        <pc:docMk/>
      </pc:docMkLst>
      <pc:sldChg chg="modSp mod">
        <pc:chgData name="Alan Wai Hou Lio" userId="4e2e7dda-a9a8-4e9f-8daf-fb8d3a66df36" providerId="ADAL" clId="{65674BCC-BC5D-4491-9E1A-E700DDE5ED59}" dt="2021-06-02T09:48:53.373" v="246" actId="790"/>
        <pc:sldMkLst>
          <pc:docMk/>
          <pc:sldMk cId="0" sldId="256"/>
        </pc:sldMkLst>
        <pc:spChg chg="mod">
          <ac:chgData name="Alan Wai Hou Lio" userId="4e2e7dda-a9a8-4e9f-8daf-fb8d3a66df36" providerId="ADAL" clId="{65674BCC-BC5D-4491-9E1A-E700DDE5ED59}" dt="2021-06-02T09:48:53.373" v="246" actId="790"/>
          <ac:spMkLst>
            <pc:docMk/>
            <pc:sldMk cId="0" sldId="256"/>
            <ac:spMk id="3" creationId="{0013EF6E-BC23-40A0-80D4-1EBE64DCC5D9}"/>
          </ac:spMkLst>
        </pc:spChg>
      </pc:sldChg>
      <pc:sldChg chg="modSp del mod">
        <pc:chgData name="Alan Wai Hou Lio" userId="4e2e7dda-a9a8-4e9f-8daf-fb8d3a66df36" providerId="ADAL" clId="{65674BCC-BC5D-4491-9E1A-E700DDE5ED59}" dt="2021-06-03T10:00:39.190" v="3416" actId="47"/>
        <pc:sldMkLst>
          <pc:docMk/>
          <pc:sldMk cId="1796381250" sldId="257"/>
        </pc:sldMkLst>
        <pc:spChg chg="mod">
          <ac:chgData name="Alan Wai Hou Lio" userId="4e2e7dda-a9a8-4e9f-8daf-fb8d3a66df36" providerId="ADAL" clId="{65674BCC-BC5D-4491-9E1A-E700DDE5ED59}" dt="2021-06-02T09:48:53.390" v="251" actId="790"/>
          <ac:spMkLst>
            <pc:docMk/>
            <pc:sldMk cId="1796381250" sldId="257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90" v="252"/>
          <ac:spMkLst>
            <pc:docMk/>
            <pc:sldMk cId="1796381250" sldId="257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91" v="253"/>
          <ac:spMkLst>
            <pc:docMk/>
            <pc:sldMk cId="1796381250" sldId="257"/>
            <ac:spMk id="8" creationId="{00000000-0000-0000-0000-000000000000}"/>
          </ac:spMkLst>
        </pc:spChg>
      </pc:sldChg>
      <pc:sldChg chg="delSp modSp mod">
        <pc:chgData name="Alan Wai Hou Lio" userId="4e2e7dda-a9a8-4e9f-8daf-fb8d3a66df36" providerId="ADAL" clId="{65674BCC-BC5D-4491-9E1A-E700DDE5ED59}" dt="2021-06-02T09:48:53.387" v="250" actId="790"/>
        <pc:sldMkLst>
          <pc:docMk/>
          <pc:sldMk cId="2320714135" sldId="260"/>
        </pc:sldMkLst>
        <pc:spChg chg="mod">
          <ac:chgData name="Alan Wai Hou Lio" userId="4e2e7dda-a9a8-4e9f-8daf-fb8d3a66df36" providerId="ADAL" clId="{65674BCC-BC5D-4491-9E1A-E700DDE5ED59}" dt="2021-06-02T09:48:53.377" v="249" actId="790"/>
          <ac:spMkLst>
            <pc:docMk/>
            <pc:sldMk cId="2320714135" sldId="260"/>
            <ac:spMk id="3" creationId="{0AA221E4-1851-497D-90EE-984C7112166A}"/>
          </ac:spMkLst>
        </pc:spChg>
        <pc:spChg chg="mod">
          <ac:chgData name="Alan Wai Hou Lio" userId="4e2e7dda-a9a8-4e9f-8daf-fb8d3a66df36" providerId="ADAL" clId="{65674BCC-BC5D-4491-9E1A-E700DDE5ED59}" dt="2021-06-02T09:48:53.374" v="247"/>
          <ac:spMkLst>
            <pc:docMk/>
            <pc:sldMk cId="2320714135" sldId="260"/>
            <ac:spMk id="4" creationId="{674358EA-4D5B-461F-997D-DE6729900DE7}"/>
          </ac:spMkLst>
        </pc:spChg>
        <pc:spChg chg="mod">
          <ac:chgData name="Alan Wai Hou Lio" userId="4e2e7dda-a9a8-4e9f-8daf-fb8d3a66df36" providerId="ADAL" clId="{65674BCC-BC5D-4491-9E1A-E700DDE5ED59}" dt="2021-06-02T09:48:53.374" v="248"/>
          <ac:spMkLst>
            <pc:docMk/>
            <pc:sldMk cId="2320714135" sldId="260"/>
            <ac:spMk id="5" creationId="{88CE6942-A17C-4247-86C6-41FACF7E90AC}"/>
          </ac:spMkLst>
        </pc:spChg>
        <pc:spChg chg="del mod">
          <ac:chgData name="Alan Wai Hou Lio" userId="4e2e7dda-a9a8-4e9f-8daf-fb8d3a66df36" providerId="ADAL" clId="{65674BCC-BC5D-4491-9E1A-E700DDE5ED59}" dt="2021-06-02T09:47:00.800" v="7" actId="478"/>
          <ac:spMkLst>
            <pc:docMk/>
            <pc:sldMk cId="2320714135" sldId="260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87" v="250" actId="790"/>
          <ac:spMkLst>
            <pc:docMk/>
            <pc:sldMk cId="2320714135" sldId="260"/>
            <ac:spMk id="8" creationId="{00000000-0000-0000-0000-000000000000}"/>
          </ac:spMkLst>
        </pc:spChg>
      </pc:sldChg>
      <pc:sldChg chg="modSp mod">
        <pc:chgData name="Alan Wai Hou Lio" userId="4e2e7dda-a9a8-4e9f-8daf-fb8d3a66df36" providerId="ADAL" clId="{65674BCC-BC5D-4491-9E1A-E700DDE5ED59}" dt="2021-06-02T09:48:53.415" v="274"/>
        <pc:sldMkLst>
          <pc:docMk/>
          <pc:sldMk cId="1116912554" sldId="261"/>
        </pc:sldMkLst>
        <pc:spChg chg="mod">
          <ac:chgData name="Alan Wai Hou Lio" userId="4e2e7dda-a9a8-4e9f-8daf-fb8d3a66df36" providerId="ADAL" clId="{65674BCC-BC5D-4491-9E1A-E700DDE5ED59}" dt="2021-06-02T09:48:53.399" v="257" actId="790"/>
          <ac:spMkLst>
            <pc:docMk/>
            <pc:sldMk cId="1116912554" sldId="261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0" v="258"/>
          <ac:spMkLst>
            <pc:docMk/>
            <pc:sldMk cId="1116912554" sldId="261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1" v="259"/>
          <ac:spMkLst>
            <pc:docMk/>
            <pc:sldMk cId="1116912554" sldId="261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1" v="260"/>
          <ac:spMkLst>
            <pc:docMk/>
            <pc:sldMk cId="1116912554" sldId="261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2" v="261"/>
          <ac:spMkLst>
            <pc:docMk/>
            <pc:sldMk cId="1116912554" sldId="261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3" v="262"/>
          <ac:spMkLst>
            <pc:docMk/>
            <pc:sldMk cId="1116912554" sldId="261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4" v="263"/>
          <ac:spMkLst>
            <pc:docMk/>
            <pc:sldMk cId="1116912554" sldId="261"/>
            <ac:spMk id="3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5" v="264"/>
          <ac:spMkLst>
            <pc:docMk/>
            <pc:sldMk cId="1116912554" sldId="261"/>
            <ac:spMk id="3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6" v="265"/>
          <ac:spMkLst>
            <pc:docMk/>
            <pc:sldMk cId="1116912554" sldId="261"/>
            <ac:spMk id="4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8" v="266"/>
          <ac:spMkLst>
            <pc:docMk/>
            <pc:sldMk cId="1116912554" sldId="261"/>
            <ac:spMk id="42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9" v="267"/>
          <ac:spMkLst>
            <pc:docMk/>
            <pc:sldMk cId="1116912554" sldId="261"/>
            <ac:spMk id="4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9" v="268"/>
          <ac:spMkLst>
            <pc:docMk/>
            <pc:sldMk cId="1116912554" sldId="261"/>
            <ac:spMk id="4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0" v="269"/>
          <ac:spMkLst>
            <pc:docMk/>
            <pc:sldMk cId="1116912554" sldId="261"/>
            <ac:spMk id="4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0" v="270"/>
          <ac:spMkLst>
            <pc:docMk/>
            <pc:sldMk cId="1116912554" sldId="261"/>
            <ac:spMk id="4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1" v="271"/>
          <ac:spMkLst>
            <pc:docMk/>
            <pc:sldMk cId="1116912554" sldId="261"/>
            <ac:spMk id="4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3" v="272"/>
          <ac:spMkLst>
            <pc:docMk/>
            <pc:sldMk cId="1116912554" sldId="261"/>
            <ac:spMk id="5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4" v="273"/>
          <ac:spMkLst>
            <pc:docMk/>
            <pc:sldMk cId="1116912554" sldId="261"/>
            <ac:spMk id="5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5" v="274"/>
          <ac:spMkLst>
            <pc:docMk/>
            <pc:sldMk cId="1116912554" sldId="261"/>
            <ac:spMk id="52" creationId="{00000000-0000-0000-0000-000000000000}"/>
          </ac:spMkLst>
        </pc:spChg>
      </pc:sldChg>
      <pc:sldChg chg="modSp mod">
        <pc:chgData name="Alan Wai Hou Lio" userId="4e2e7dda-a9a8-4e9f-8daf-fb8d3a66df36" providerId="ADAL" clId="{65674BCC-BC5D-4491-9E1A-E700DDE5ED59}" dt="2021-06-02T09:48:53.423" v="278"/>
        <pc:sldMkLst>
          <pc:docMk/>
          <pc:sldMk cId="3826915553" sldId="262"/>
        </pc:sldMkLst>
        <pc:spChg chg="mod">
          <ac:chgData name="Alan Wai Hou Lio" userId="4e2e7dda-a9a8-4e9f-8daf-fb8d3a66df36" providerId="ADAL" clId="{65674BCC-BC5D-4491-9E1A-E700DDE5ED59}" dt="2021-06-02T09:48:53.418" v="275" actId="790"/>
          <ac:spMkLst>
            <pc:docMk/>
            <pc:sldMk cId="3826915553" sldId="262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9" v="276"/>
          <ac:spMkLst>
            <pc:docMk/>
            <pc:sldMk cId="3826915553" sldId="262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22" v="277"/>
          <ac:spMkLst>
            <pc:docMk/>
            <pc:sldMk cId="3826915553" sldId="262"/>
            <ac:spMk id="1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23" v="278"/>
          <ac:spMkLst>
            <pc:docMk/>
            <pc:sldMk cId="3826915553" sldId="262"/>
            <ac:spMk id="30" creationId="{00000000-0000-0000-0000-000000000000}"/>
          </ac:spMkLst>
        </pc:spChg>
      </pc:sldChg>
      <pc:sldChg chg="delSp modSp mod modAnim">
        <pc:chgData name="Alan Wai Hou Lio" userId="4e2e7dda-a9a8-4e9f-8daf-fb8d3a66df36" providerId="ADAL" clId="{65674BCC-BC5D-4491-9E1A-E700DDE5ED59}" dt="2021-06-07T14:33:51.059" v="3626" actId="1076"/>
        <pc:sldMkLst>
          <pc:docMk/>
          <pc:sldMk cId="1103038777" sldId="263"/>
        </pc:sldMkLst>
        <pc:spChg chg="mod">
          <ac:chgData name="Alan Wai Hou Lio" userId="4e2e7dda-a9a8-4e9f-8daf-fb8d3a66df36" providerId="ADAL" clId="{65674BCC-BC5D-4491-9E1A-E700DDE5ED59}" dt="2021-06-02T09:48:53.426" v="279" actId="790"/>
          <ac:spMkLst>
            <pc:docMk/>
            <pc:sldMk cId="1103038777" sldId="263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0:08:55.293" v="1129" actId="20577"/>
          <ac:spMkLst>
            <pc:docMk/>
            <pc:sldMk cId="1103038777" sldId="263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0:08:58.370" v="1131" actId="20577"/>
          <ac:spMkLst>
            <pc:docMk/>
            <pc:sldMk cId="1103038777" sldId="263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27" v="281"/>
          <ac:spMkLst>
            <pc:docMk/>
            <pc:sldMk cId="1103038777" sldId="263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0" v="282"/>
          <ac:spMkLst>
            <pc:docMk/>
            <pc:sldMk cId="1103038777" sldId="263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7T14:33:51.059" v="3626" actId="1076"/>
          <ac:spMkLst>
            <pc:docMk/>
            <pc:sldMk cId="1103038777" sldId="263"/>
            <ac:spMk id="1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1" v="283"/>
          <ac:spMkLst>
            <pc:docMk/>
            <pc:sldMk cId="1103038777" sldId="263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2" v="284"/>
          <ac:spMkLst>
            <pc:docMk/>
            <pc:sldMk cId="1103038777" sldId="263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3" v="285"/>
          <ac:spMkLst>
            <pc:docMk/>
            <pc:sldMk cId="1103038777" sldId="263"/>
            <ac:spMk id="24" creationId="{00000000-0000-0000-0000-000000000000}"/>
          </ac:spMkLst>
        </pc:spChg>
        <pc:grpChg chg="del">
          <ac:chgData name="Alan Wai Hou Lio" userId="4e2e7dda-a9a8-4e9f-8daf-fb8d3a66df36" providerId="ADAL" clId="{65674BCC-BC5D-4491-9E1A-E700DDE5ED59}" dt="2021-06-07T14:33:46.650" v="3625" actId="478"/>
          <ac:grpSpMkLst>
            <pc:docMk/>
            <pc:sldMk cId="1103038777" sldId="263"/>
            <ac:grpSpMk id="16" creationId="{00000000-0000-0000-0000-000000000000}"/>
          </ac:grpSpMkLst>
        </pc:grpChg>
      </pc:sldChg>
      <pc:sldChg chg="modSp mod">
        <pc:chgData name="Alan Wai Hou Lio" userId="4e2e7dda-a9a8-4e9f-8daf-fb8d3a66df36" providerId="ADAL" clId="{65674BCC-BC5D-4491-9E1A-E700DDE5ED59}" dt="2021-06-02T09:48:53.443" v="290"/>
        <pc:sldMkLst>
          <pc:docMk/>
          <pc:sldMk cId="1067254325" sldId="264"/>
        </pc:sldMkLst>
        <pc:spChg chg="mod">
          <ac:chgData name="Alan Wai Hou Lio" userId="4e2e7dda-a9a8-4e9f-8daf-fb8d3a66df36" providerId="ADAL" clId="{65674BCC-BC5D-4491-9E1A-E700DDE5ED59}" dt="2021-06-02T09:48:53.439" v="287" actId="790"/>
          <ac:spMkLst>
            <pc:docMk/>
            <pc:sldMk cId="1067254325" sldId="264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40" v="288"/>
          <ac:spMkLst>
            <pc:docMk/>
            <pc:sldMk cId="1067254325" sldId="264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41" v="289"/>
          <ac:spMkLst>
            <pc:docMk/>
            <pc:sldMk cId="1067254325" sldId="264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43" v="290"/>
          <ac:spMkLst>
            <pc:docMk/>
            <pc:sldMk cId="1067254325" sldId="264"/>
            <ac:spMk id="35" creationId="{00000000-0000-0000-0000-000000000000}"/>
          </ac:spMkLst>
        </pc:spChg>
      </pc:sldChg>
      <pc:sldChg chg="addSp delSp modSp del mod">
        <pc:chgData name="Alan Wai Hou Lio" userId="4e2e7dda-a9a8-4e9f-8daf-fb8d3a66df36" providerId="ADAL" clId="{65674BCC-BC5D-4491-9E1A-E700DDE5ED59}" dt="2021-06-02T11:39:08.351" v="1550" actId="47"/>
        <pc:sldMkLst>
          <pc:docMk/>
          <pc:sldMk cId="1859971929" sldId="265"/>
        </pc:sldMkLst>
        <pc:spChg chg="mod">
          <ac:chgData name="Alan Wai Hou Lio" userId="4e2e7dda-a9a8-4e9f-8daf-fb8d3a66df36" providerId="ADAL" clId="{65674BCC-BC5D-4491-9E1A-E700DDE5ED59}" dt="2021-06-02T09:48:53.445" v="291" actId="790"/>
          <ac:spMkLst>
            <pc:docMk/>
            <pc:sldMk cId="1859971929" sldId="265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30:03.145" v="1184" actId="20577"/>
          <ac:spMkLst>
            <pc:docMk/>
            <pc:sldMk cId="1859971929" sldId="265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51" v="293"/>
          <ac:spMkLst>
            <pc:docMk/>
            <pc:sldMk cId="1859971929" sldId="265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54" v="294" actId="790"/>
          <ac:spMkLst>
            <pc:docMk/>
            <pc:sldMk cId="1859971929" sldId="265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57" v="295" actId="790"/>
          <ac:spMkLst>
            <pc:docMk/>
            <pc:sldMk cId="1859971929" sldId="265"/>
            <ac:spMk id="15" creationId="{00000000-0000-0000-0000-000000000000}"/>
          </ac:spMkLst>
        </pc:spChg>
        <pc:picChg chg="add del mod">
          <ac:chgData name="Alan Wai Hou Lio" userId="4e2e7dda-a9a8-4e9f-8daf-fb8d3a66df36" providerId="ADAL" clId="{65674BCC-BC5D-4491-9E1A-E700DDE5ED59}" dt="2021-06-02T11:29:38.525" v="1169" actId="478"/>
          <ac:picMkLst>
            <pc:docMk/>
            <pc:sldMk cId="1859971929" sldId="265"/>
            <ac:picMk id="3" creationId="{DA39B9F3-B6DC-4047-8B15-D5DCF29640AB}"/>
          </ac:picMkLst>
        </pc:picChg>
      </pc:sldChg>
      <pc:sldChg chg="modSp mod">
        <pc:chgData name="Alan Wai Hou Lio" userId="4e2e7dda-a9a8-4e9f-8daf-fb8d3a66df36" providerId="ADAL" clId="{65674BCC-BC5D-4491-9E1A-E700DDE5ED59}" dt="2021-06-02T09:48:53.498" v="307"/>
        <pc:sldMkLst>
          <pc:docMk/>
          <pc:sldMk cId="2718484580" sldId="266"/>
        </pc:sldMkLst>
        <pc:spChg chg="mod">
          <ac:chgData name="Alan Wai Hou Lio" userId="4e2e7dda-a9a8-4e9f-8daf-fb8d3a66df36" providerId="ADAL" clId="{65674BCC-BC5D-4491-9E1A-E700DDE5ED59}" dt="2021-06-02T09:48:53.475" v="304" actId="790"/>
          <ac:spMkLst>
            <pc:docMk/>
            <pc:sldMk cId="2718484580" sldId="266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76" v="305"/>
          <ac:spMkLst>
            <pc:docMk/>
            <pc:sldMk cId="2718484580" sldId="266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87" v="306"/>
          <ac:spMkLst>
            <pc:docMk/>
            <pc:sldMk cId="2718484580" sldId="266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98" v="307"/>
          <ac:spMkLst>
            <pc:docMk/>
            <pc:sldMk cId="2718484580" sldId="266"/>
            <ac:spMk id="15" creationId="{00000000-0000-0000-0000-000000000000}"/>
          </ac:spMkLst>
        </pc:spChg>
      </pc:sldChg>
      <pc:sldChg chg="addSp delSp modSp mod delAnim">
        <pc:chgData name="Alan Wai Hou Lio" userId="4e2e7dda-a9a8-4e9f-8daf-fb8d3a66df36" providerId="ADAL" clId="{65674BCC-BC5D-4491-9E1A-E700DDE5ED59}" dt="2021-06-02T14:36:38.636" v="2152" actId="1076"/>
        <pc:sldMkLst>
          <pc:docMk/>
          <pc:sldMk cId="2930659116" sldId="267"/>
        </pc:sldMkLst>
        <pc:spChg chg="mod">
          <ac:chgData name="Alan Wai Hou Lio" userId="4e2e7dda-a9a8-4e9f-8daf-fb8d3a66df36" providerId="ADAL" clId="{65674BCC-BC5D-4491-9E1A-E700DDE5ED59}" dt="2021-06-02T09:48:53.554" v="331" actId="790"/>
          <ac:spMkLst>
            <pc:docMk/>
            <pc:sldMk cId="2930659116" sldId="267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55" v="332"/>
          <ac:spMkLst>
            <pc:docMk/>
            <pc:sldMk cId="2930659116" sldId="267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36:32.880" v="2150" actId="1076"/>
          <ac:spMkLst>
            <pc:docMk/>
            <pc:sldMk cId="2930659116" sldId="267"/>
            <ac:spMk id="1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36:38.636" v="2152" actId="1076"/>
          <ac:spMkLst>
            <pc:docMk/>
            <pc:sldMk cId="2930659116" sldId="267"/>
            <ac:spMk id="12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4:14:16.101" v="2134" actId="478"/>
          <ac:spMkLst>
            <pc:docMk/>
            <pc:sldMk cId="2930659116" sldId="267"/>
            <ac:spMk id="1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59" v="336"/>
          <ac:spMkLst>
            <pc:docMk/>
            <pc:sldMk cId="2930659116" sldId="267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59" v="337"/>
          <ac:spMkLst>
            <pc:docMk/>
            <pc:sldMk cId="2930659116" sldId="267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14:19.584" v="2137" actId="478"/>
          <ac:spMkLst>
            <pc:docMk/>
            <pc:sldMk cId="2930659116" sldId="267"/>
            <ac:spMk id="18" creationId="{00000000-0000-0000-0000-000000000000}"/>
          </ac:spMkLst>
        </pc:spChg>
        <pc:grpChg chg="add del mod">
          <ac:chgData name="Alan Wai Hou Lio" userId="4e2e7dda-a9a8-4e9f-8daf-fb8d3a66df36" providerId="ADAL" clId="{65674BCC-BC5D-4491-9E1A-E700DDE5ED59}" dt="2021-06-02T14:14:19.584" v="2137" actId="478"/>
          <ac:grpSpMkLst>
            <pc:docMk/>
            <pc:sldMk cId="2930659116" sldId="267"/>
            <ac:grpSpMk id="21" creationId="{00000000-0000-0000-0000-000000000000}"/>
          </ac:grpSpMkLst>
        </pc:grpChg>
        <pc:picChg chg="add mod ord modCrop">
          <ac:chgData name="Alan Wai Hou Lio" userId="4e2e7dda-a9a8-4e9f-8daf-fb8d3a66df36" providerId="ADAL" clId="{65674BCC-BC5D-4491-9E1A-E700DDE5ED59}" dt="2021-06-02T14:36:36.443" v="2151" actId="1076"/>
          <ac:picMkLst>
            <pc:docMk/>
            <pc:sldMk cId="2930659116" sldId="267"/>
            <ac:picMk id="2" creationId="{6C6DE9FA-1323-4AB8-98E4-62B2EC8728BF}"/>
          </ac:picMkLst>
        </pc:picChg>
        <pc:picChg chg="del">
          <ac:chgData name="Alan Wai Hou Lio" userId="4e2e7dda-a9a8-4e9f-8daf-fb8d3a66df36" providerId="ADAL" clId="{65674BCC-BC5D-4491-9E1A-E700DDE5ED59}" dt="2021-06-02T14:35:17.022" v="2138" actId="478"/>
          <ac:picMkLst>
            <pc:docMk/>
            <pc:sldMk cId="2930659116" sldId="267"/>
            <ac:picMk id="10" creationId="{00000000-0000-0000-0000-000000000000}"/>
          </ac:picMkLst>
        </pc:picChg>
        <pc:cxnChg chg="del mod">
          <ac:chgData name="Alan Wai Hou Lio" userId="4e2e7dda-a9a8-4e9f-8daf-fb8d3a66df36" providerId="ADAL" clId="{65674BCC-BC5D-4491-9E1A-E700DDE5ED59}" dt="2021-06-02T14:14:19.584" v="2137" actId="478"/>
          <ac:cxnSpMkLst>
            <pc:docMk/>
            <pc:sldMk cId="2930659116" sldId="267"/>
            <ac:cxnSpMk id="19" creationId="{00000000-0000-0000-0000-000000000000}"/>
          </ac:cxnSpMkLst>
        </pc:cxnChg>
        <pc:cxnChg chg="mod">
          <ac:chgData name="Alan Wai Hou Lio" userId="4e2e7dda-a9a8-4e9f-8daf-fb8d3a66df36" providerId="ADAL" clId="{65674BCC-BC5D-4491-9E1A-E700DDE5ED59}" dt="2021-06-02T14:14:12.893" v="2133" actId="1076"/>
          <ac:cxnSpMkLst>
            <pc:docMk/>
            <pc:sldMk cId="2930659116" sldId="267"/>
            <ac:cxnSpMk id="26" creationId="{00000000-0000-0000-0000-000000000000}"/>
          </ac:cxnSpMkLst>
        </pc:cxnChg>
      </pc:sldChg>
      <pc:sldChg chg="modSp del mod">
        <pc:chgData name="Alan Wai Hou Lio" userId="4e2e7dda-a9a8-4e9f-8daf-fb8d3a66df36" providerId="ADAL" clId="{65674BCC-BC5D-4491-9E1A-E700DDE5ED59}" dt="2021-06-02T15:04:59.249" v="3273" actId="47"/>
        <pc:sldMkLst>
          <pc:docMk/>
          <pc:sldMk cId="839679466" sldId="268"/>
        </pc:sldMkLst>
        <pc:spChg chg="mod">
          <ac:chgData name="Alan Wai Hou Lio" userId="4e2e7dda-a9a8-4e9f-8daf-fb8d3a66df36" providerId="ADAL" clId="{65674BCC-BC5D-4491-9E1A-E700DDE5ED59}" dt="2021-06-02T09:48:53.562" v="338" actId="790"/>
          <ac:spMkLst>
            <pc:docMk/>
            <pc:sldMk cId="839679466" sldId="268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3" v="339"/>
          <ac:spMkLst>
            <pc:docMk/>
            <pc:sldMk cId="839679466" sldId="268"/>
            <ac:spMk id="1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4" v="340"/>
          <ac:spMkLst>
            <pc:docMk/>
            <pc:sldMk cId="839679466" sldId="268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6" v="341"/>
          <ac:spMkLst>
            <pc:docMk/>
            <pc:sldMk cId="839679466" sldId="268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7" v="342"/>
          <ac:spMkLst>
            <pc:docMk/>
            <pc:sldMk cId="839679466" sldId="268"/>
            <ac:spMk id="1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36:47.849" v="2153" actId="1076"/>
          <ac:spMkLst>
            <pc:docMk/>
            <pc:sldMk cId="839679466" sldId="268"/>
            <ac:spMk id="17" creationId="{00000000-0000-0000-0000-000000000000}"/>
          </ac:spMkLst>
        </pc:spChg>
      </pc:sldChg>
      <pc:sldChg chg="addSp delSp modSp mod delAnim modAnim">
        <pc:chgData name="Alan Wai Hou Lio" userId="4e2e7dda-a9a8-4e9f-8daf-fb8d3a66df36" providerId="ADAL" clId="{65674BCC-BC5D-4491-9E1A-E700DDE5ED59}" dt="2021-06-07T14:35:42.733" v="3635" actId="20577"/>
        <pc:sldMkLst>
          <pc:docMk/>
          <pc:sldMk cId="3175162259" sldId="269"/>
        </pc:sldMkLst>
        <pc:spChg chg="mod">
          <ac:chgData name="Alan Wai Hou Lio" userId="4e2e7dda-a9a8-4e9f-8daf-fb8d3a66df36" providerId="ADAL" clId="{65674BCC-BC5D-4491-9E1A-E700DDE5ED59}" dt="2021-06-02T09:48:53.460" v="296" actId="790"/>
          <ac:spMkLst>
            <pc:docMk/>
            <pc:sldMk cId="3175162259" sldId="269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64" v="297" actId="790"/>
          <ac:spMkLst>
            <pc:docMk/>
            <pc:sldMk cId="3175162259" sldId="269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7T14:35:42.733" v="3635" actId="20577"/>
          <ac:spMkLst>
            <pc:docMk/>
            <pc:sldMk cId="3175162259" sldId="269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48:08.061" v="1826" actId="1076"/>
          <ac:spMkLst>
            <pc:docMk/>
            <pc:sldMk cId="3175162259" sldId="269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48:04.340" v="1824" actId="1076"/>
          <ac:spMkLst>
            <pc:docMk/>
            <pc:sldMk cId="3175162259" sldId="269"/>
            <ac:spMk id="10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1:47:52.580" v="1818" actId="478"/>
          <ac:spMkLst>
            <pc:docMk/>
            <pc:sldMk cId="3175162259" sldId="269"/>
            <ac:spMk id="1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48:05.888" v="1825" actId="1076"/>
          <ac:spMkLst>
            <pc:docMk/>
            <pc:sldMk cId="3175162259" sldId="269"/>
            <ac:spMk id="13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1:45:29.981" v="1792" actId="478"/>
          <ac:spMkLst>
            <pc:docMk/>
            <pc:sldMk cId="3175162259" sldId="269"/>
            <ac:spMk id="14" creationId="{00000000-0000-0000-0000-000000000000}"/>
          </ac:spMkLst>
        </pc:spChg>
        <pc:spChg chg="add mod">
          <ac:chgData name="Alan Wai Hou Lio" userId="4e2e7dda-a9a8-4e9f-8daf-fb8d3a66df36" providerId="ADAL" clId="{65674BCC-BC5D-4491-9E1A-E700DDE5ED59}" dt="2021-06-02T11:45:40.405" v="1794" actId="1076"/>
          <ac:spMkLst>
            <pc:docMk/>
            <pc:sldMk cId="3175162259" sldId="269"/>
            <ac:spMk id="18" creationId="{44B6B9C5-7152-43AB-AC1D-6D0B5FDFFD14}"/>
          </ac:spMkLst>
        </pc:spChg>
        <pc:spChg chg="add del mod">
          <ac:chgData name="Alan Wai Hou Lio" userId="4e2e7dda-a9a8-4e9f-8daf-fb8d3a66df36" providerId="ADAL" clId="{65674BCC-BC5D-4491-9E1A-E700DDE5ED59}" dt="2021-06-02T11:46:22.741" v="1797"/>
          <ac:spMkLst>
            <pc:docMk/>
            <pc:sldMk cId="3175162259" sldId="269"/>
            <ac:spMk id="19" creationId="{9675B7F3-F32B-4F70-8035-F13D999AE6B6}"/>
          </ac:spMkLst>
        </pc:spChg>
        <pc:grpChg chg="mod">
          <ac:chgData name="Alan Wai Hou Lio" userId="4e2e7dda-a9a8-4e9f-8daf-fb8d3a66df36" providerId="ADAL" clId="{65674BCC-BC5D-4491-9E1A-E700DDE5ED59}" dt="2021-06-02T11:47:21.688" v="1806" actId="1076"/>
          <ac:grpSpMkLst>
            <pc:docMk/>
            <pc:sldMk cId="3175162259" sldId="269"/>
            <ac:grpSpMk id="15" creationId="{00000000-0000-0000-0000-000000000000}"/>
          </ac:grpSpMkLst>
        </pc:grpChg>
        <pc:picChg chg="add del mod">
          <ac:chgData name="Alan Wai Hou Lio" userId="4e2e7dda-a9a8-4e9f-8daf-fb8d3a66df36" providerId="ADAL" clId="{65674BCC-BC5D-4491-9E1A-E700DDE5ED59}" dt="2021-06-02T11:47:00.037" v="1800" actId="478"/>
          <ac:picMkLst>
            <pc:docMk/>
            <pc:sldMk cId="3175162259" sldId="269"/>
            <ac:picMk id="2" creationId="{3217BE6B-219C-42EC-B0B6-D23D56A5395C}"/>
          </ac:picMkLst>
        </pc:picChg>
        <pc:picChg chg="add mod ord">
          <ac:chgData name="Alan Wai Hou Lio" userId="4e2e7dda-a9a8-4e9f-8daf-fb8d3a66df36" providerId="ADAL" clId="{65674BCC-BC5D-4491-9E1A-E700DDE5ED59}" dt="2021-06-02T11:48:09.591" v="1827" actId="1076"/>
          <ac:picMkLst>
            <pc:docMk/>
            <pc:sldMk cId="3175162259" sldId="269"/>
            <ac:picMk id="3" creationId="{6D48CB38-DA3E-4567-A6F8-D28A3361408C}"/>
          </ac:picMkLst>
        </pc:picChg>
        <pc:picChg chg="del">
          <ac:chgData name="Alan Wai Hou Lio" userId="4e2e7dda-a9a8-4e9f-8daf-fb8d3a66df36" providerId="ADAL" clId="{65674BCC-BC5D-4491-9E1A-E700DDE5ED59}" dt="2021-06-02T11:46:20.880" v="1795" actId="478"/>
          <ac:picMkLst>
            <pc:docMk/>
            <pc:sldMk cId="3175162259" sldId="269"/>
            <ac:picMk id="7" creationId="{00000000-0000-0000-0000-000000000000}"/>
          </ac:picMkLst>
        </pc:picChg>
      </pc:sldChg>
      <pc:sldChg chg="modSp mod">
        <pc:chgData name="Alan Wai Hou Lio" userId="4e2e7dda-a9a8-4e9f-8daf-fb8d3a66df36" providerId="ADAL" clId="{65674BCC-BC5D-4491-9E1A-E700DDE5ED59}" dt="2021-06-02T09:48:53.518" v="314" actId="790"/>
        <pc:sldMkLst>
          <pc:docMk/>
          <pc:sldMk cId="1524191745" sldId="271"/>
        </pc:sldMkLst>
        <pc:spChg chg="mod">
          <ac:chgData name="Alan Wai Hou Lio" userId="4e2e7dda-a9a8-4e9f-8daf-fb8d3a66df36" providerId="ADAL" clId="{65674BCC-BC5D-4491-9E1A-E700DDE5ED59}" dt="2021-06-02T09:48:53.500" v="308" actId="790"/>
          <ac:spMkLst>
            <pc:docMk/>
            <pc:sldMk cId="1524191745" sldId="271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01" v="309"/>
          <ac:spMkLst>
            <pc:docMk/>
            <pc:sldMk cId="1524191745" sldId="271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2" v="310"/>
          <ac:spMkLst>
            <pc:docMk/>
            <pc:sldMk cId="1524191745" sldId="271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3" v="311"/>
          <ac:spMkLst>
            <pc:docMk/>
            <pc:sldMk cId="1524191745" sldId="271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4" v="312"/>
          <ac:spMkLst>
            <pc:docMk/>
            <pc:sldMk cId="1524191745" sldId="271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4" v="313"/>
          <ac:spMkLst>
            <pc:docMk/>
            <pc:sldMk cId="1524191745" sldId="271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8" v="314" actId="790"/>
          <ac:spMkLst>
            <pc:docMk/>
            <pc:sldMk cId="1524191745" sldId="271"/>
            <ac:spMk id="16" creationId="{00000000-0000-0000-0000-000000000000}"/>
          </ac:spMkLst>
        </pc:spChg>
      </pc:sldChg>
      <pc:sldChg chg="addSp modSp mod">
        <pc:chgData name="Alan Wai Hou Lio" userId="4e2e7dda-a9a8-4e9f-8daf-fb8d3a66df36" providerId="ADAL" clId="{65674BCC-BC5D-4491-9E1A-E700DDE5ED59}" dt="2021-06-07T14:35:37.250" v="3634" actId="20577"/>
        <pc:sldMkLst>
          <pc:docMk/>
          <pc:sldMk cId="2094197980" sldId="272"/>
        </pc:sldMkLst>
        <pc:spChg chg="mod">
          <ac:chgData name="Alan Wai Hou Lio" userId="4e2e7dda-a9a8-4e9f-8daf-fb8d3a66df36" providerId="ADAL" clId="{65674BCC-BC5D-4491-9E1A-E700DDE5ED59}" dt="2021-06-02T09:48:53.520" v="315" actId="790"/>
          <ac:spMkLst>
            <pc:docMk/>
            <pc:sldMk cId="2094197980" sldId="272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7T14:35:37.250" v="3634" actId="20577"/>
          <ac:spMkLst>
            <pc:docMk/>
            <pc:sldMk cId="2094197980" sldId="272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9:28.892" v="2106" actId="1076"/>
          <ac:spMkLst>
            <pc:docMk/>
            <pc:sldMk cId="2094197980" sldId="272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27" v="318"/>
          <ac:spMkLst>
            <pc:docMk/>
            <pc:sldMk cId="2094197980" sldId="272"/>
            <ac:spMk id="10" creationId="{00000000-0000-0000-0000-000000000000}"/>
          </ac:spMkLst>
        </pc:spChg>
        <pc:spChg chg="add mod">
          <ac:chgData name="Alan Wai Hou Lio" userId="4e2e7dda-a9a8-4e9f-8daf-fb8d3a66df36" providerId="ADAL" clId="{65674BCC-BC5D-4491-9E1A-E700DDE5ED59}" dt="2021-06-02T14:10:25.942" v="2124" actId="14100"/>
          <ac:spMkLst>
            <pc:docMk/>
            <pc:sldMk cId="2094197980" sldId="272"/>
            <ac:spMk id="14" creationId="{F638C8EE-221C-43BD-90B8-3C1C2F9C287C}"/>
          </ac:spMkLst>
        </pc:spChg>
        <pc:spChg chg="add mod">
          <ac:chgData name="Alan Wai Hou Lio" userId="4e2e7dda-a9a8-4e9f-8daf-fb8d3a66df36" providerId="ADAL" clId="{65674BCC-BC5D-4491-9E1A-E700DDE5ED59}" dt="2021-06-02T14:10:38.605" v="2128" actId="1076"/>
          <ac:spMkLst>
            <pc:docMk/>
            <pc:sldMk cId="2094197980" sldId="272"/>
            <ac:spMk id="15" creationId="{C6007BC9-89F7-44F5-AF07-EB24AC4F32B3}"/>
          </ac:spMkLst>
        </pc:spChg>
        <pc:grpChg chg="mod">
          <ac:chgData name="Alan Wai Hou Lio" userId="4e2e7dda-a9a8-4e9f-8daf-fb8d3a66df36" providerId="ADAL" clId="{65674BCC-BC5D-4491-9E1A-E700DDE5ED59}" dt="2021-06-02T14:09:38.416" v="2109" actId="1076"/>
          <ac:grpSpMkLst>
            <pc:docMk/>
            <pc:sldMk cId="2094197980" sldId="272"/>
            <ac:grpSpMk id="11" creationId="{00000000-0000-0000-0000-000000000000}"/>
          </ac:grpSpMkLst>
        </pc:grpChg>
        <pc:picChg chg="add mod">
          <ac:chgData name="Alan Wai Hou Lio" userId="4e2e7dda-a9a8-4e9f-8daf-fb8d3a66df36" providerId="ADAL" clId="{65674BCC-BC5D-4491-9E1A-E700DDE5ED59}" dt="2021-06-02T14:10:28.920" v="2126" actId="1036"/>
          <ac:picMkLst>
            <pc:docMk/>
            <pc:sldMk cId="2094197980" sldId="272"/>
            <ac:picMk id="3" creationId="{F6A98CF7-0215-4377-B8EF-C1ED4FCC01F2}"/>
          </ac:picMkLst>
        </pc:picChg>
      </pc:sldChg>
      <pc:sldChg chg="addSp delSp modSp mod delAnim">
        <pc:chgData name="Alan Wai Hou Lio" userId="4e2e7dda-a9a8-4e9f-8daf-fb8d3a66df36" providerId="ADAL" clId="{65674BCC-BC5D-4491-9E1A-E700DDE5ED59}" dt="2021-06-02T14:08:18.023" v="2097" actId="1037"/>
        <pc:sldMkLst>
          <pc:docMk/>
          <pc:sldMk cId="1680437870" sldId="273"/>
        </pc:sldMkLst>
        <pc:spChg chg="mod">
          <ac:chgData name="Alan Wai Hou Lio" userId="4e2e7dda-a9a8-4e9f-8daf-fb8d3a66df36" providerId="ADAL" clId="{65674BCC-BC5D-4491-9E1A-E700DDE5ED59}" dt="2021-06-02T09:48:53.529" v="319" actId="790"/>
          <ac:spMkLst>
            <pc:docMk/>
            <pc:sldMk cId="1680437870" sldId="273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30" v="320"/>
          <ac:spMkLst>
            <pc:docMk/>
            <pc:sldMk cId="1680437870" sldId="273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7:32.329" v="2080" actId="20577"/>
          <ac:spMkLst>
            <pc:docMk/>
            <pc:sldMk cId="1680437870" sldId="273"/>
            <ac:spMk id="6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4:08:11.859" v="2090" actId="478"/>
          <ac:spMkLst>
            <pc:docMk/>
            <pc:sldMk cId="1680437870" sldId="273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8:18.023" v="2097" actId="1037"/>
          <ac:spMkLst>
            <pc:docMk/>
            <pc:sldMk cId="1680437870" sldId="273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35" v="324"/>
          <ac:spMkLst>
            <pc:docMk/>
            <pc:sldMk cId="1680437870" sldId="273"/>
            <ac:spMk id="11" creationId="{00000000-0000-0000-0000-000000000000}"/>
          </ac:spMkLst>
        </pc:spChg>
        <pc:picChg chg="add mod">
          <ac:chgData name="Alan Wai Hou Lio" userId="4e2e7dda-a9a8-4e9f-8daf-fb8d3a66df36" providerId="ADAL" clId="{65674BCC-BC5D-4491-9E1A-E700DDE5ED59}" dt="2021-06-02T14:08:14.536" v="2092" actId="14100"/>
          <ac:picMkLst>
            <pc:docMk/>
            <pc:sldMk cId="1680437870" sldId="273"/>
            <ac:picMk id="2" creationId="{87E6ABA6-95CC-4257-AA6D-E1D9FBE56232}"/>
          </ac:picMkLst>
        </pc:picChg>
        <pc:picChg chg="del">
          <ac:chgData name="Alan Wai Hou Lio" userId="4e2e7dda-a9a8-4e9f-8daf-fb8d3a66df36" providerId="ADAL" clId="{65674BCC-BC5D-4491-9E1A-E700DDE5ED59}" dt="2021-06-02T14:07:49.960" v="2082" actId="478"/>
          <ac:picMkLst>
            <pc:docMk/>
            <pc:sldMk cId="1680437870" sldId="273"/>
            <ac:picMk id="7" creationId="{00000000-0000-0000-0000-000000000000}"/>
          </ac:picMkLst>
        </pc:picChg>
        <pc:picChg chg="mod">
          <ac:chgData name="Alan Wai Hou Lio" userId="4e2e7dda-a9a8-4e9f-8daf-fb8d3a66df36" providerId="ADAL" clId="{65674BCC-BC5D-4491-9E1A-E700DDE5ED59}" dt="2021-06-02T14:08:16.241" v="2093" actId="1076"/>
          <ac:picMkLst>
            <pc:docMk/>
            <pc:sldMk cId="1680437870" sldId="273"/>
            <ac:picMk id="12" creationId="{00000000-0000-0000-0000-000000000000}"/>
          </ac:picMkLst>
        </pc:picChg>
      </pc:sldChg>
      <pc:sldChg chg="modSp mod">
        <pc:chgData name="Alan Wai Hou Lio" userId="4e2e7dda-a9a8-4e9f-8daf-fb8d3a66df36" providerId="ADAL" clId="{65674BCC-BC5D-4491-9E1A-E700DDE5ED59}" dt="2021-06-02T14:11:24.060" v="2132" actId="1076"/>
        <pc:sldMkLst>
          <pc:docMk/>
          <pc:sldMk cId="800289730" sldId="274"/>
        </pc:sldMkLst>
        <pc:spChg chg="mod">
          <ac:chgData name="Alan Wai Hou Lio" userId="4e2e7dda-a9a8-4e9f-8daf-fb8d3a66df36" providerId="ADAL" clId="{65674BCC-BC5D-4491-9E1A-E700DDE5ED59}" dt="2021-06-02T09:48:53.538" v="325" actId="790"/>
          <ac:spMkLst>
            <pc:docMk/>
            <pc:sldMk cId="800289730" sldId="274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41" v="326" actId="790"/>
          <ac:spMkLst>
            <pc:docMk/>
            <pc:sldMk cId="800289730" sldId="274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44" v="327" actId="790"/>
          <ac:spMkLst>
            <pc:docMk/>
            <pc:sldMk cId="800289730" sldId="274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45" v="328"/>
          <ac:spMkLst>
            <pc:docMk/>
            <pc:sldMk cId="800289730" sldId="274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8:32.529" v="2099" actId="20577"/>
          <ac:spMkLst>
            <pc:docMk/>
            <pc:sldMk cId="800289730" sldId="274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11:24.060" v="2132" actId="1076"/>
          <ac:spMkLst>
            <pc:docMk/>
            <pc:sldMk cId="800289730" sldId="274"/>
            <ac:spMk id="15" creationId="{00000000-0000-0000-0000-000000000000}"/>
          </ac:spMkLst>
        </pc:spChg>
      </pc:sldChg>
      <pc:sldChg chg="modSp mod">
        <pc:chgData name="Alan Wai Hou Lio" userId="4e2e7dda-a9a8-4e9f-8daf-fb8d3a66df36" providerId="ADAL" clId="{65674BCC-BC5D-4491-9E1A-E700DDE5ED59}" dt="2021-06-03T10:01:32.546" v="3532" actId="20577"/>
        <pc:sldMkLst>
          <pc:docMk/>
          <pc:sldMk cId="3717669386" sldId="275"/>
        </pc:sldMkLst>
        <pc:spChg chg="mod">
          <ac:chgData name="Alan Wai Hou Lio" userId="4e2e7dda-a9a8-4e9f-8daf-fb8d3a66df36" providerId="ADAL" clId="{65674BCC-BC5D-4491-9E1A-E700DDE5ED59}" dt="2021-06-02T09:48:53.394" v="254" actId="790"/>
          <ac:spMkLst>
            <pc:docMk/>
            <pc:sldMk cId="3717669386" sldId="275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3T10:01:32.546" v="3532" actId="20577"/>
          <ac:spMkLst>
            <pc:docMk/>
            <pc:sldMk cId="3717669386" sldId="275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96" v="256"/>
          <ac:spMkLst>
            <pc:docMk/>
            <pc:sldMk cId="3717669386" sldId="275"/>
            <ac:spMk id="6" creationId="{00000000-0000-0000-0000-000000000000}"/>
          </ac:spMkLst>
        </pc:spChg>
      </pc:sldChg>
      <pc:sldChg chg="new del">
        <pc:chgData name="Alan Wai Hou Lio" userId="4e2e7dda-a9a8-4e9f-8daf-fb8d3a66df36" providerId="ADAL" clId="{65674BCC-BC5D-4491-9E1A-E700DDE5ED59}" dt="2021-06-02T09:49:29.896" v="416" actId="680"/>
        <pc:sldMkLst>
          <pc:docMk/>
          <pc:sldMk cId="199950477" sldId="276"/>
        </pc:sldMkLst>
      </pc:sldChg>
      <pc:sldChg chg="addSp modSp add mod">
        <pc:chgData name="Alan Wai Hou Lio" userId="4e2e7dda-a9a8-4e9f-8daf-fb8d3a66df36" providerId="ADAL" clId="{65674BCC-BC5D-4491-9E1A-E700DDE5ED59}" dt="2021-06-02T09:54:19.897" v="725" actId="1038"/>
        <pc:sldMkLst>
          <pc:docMk/>
          <pc:sldMk cId="2675350158" sldId="276"/>
        </pc:sldMkLst>
        <pc:spChg chg="mod">
          <ac:chgData name="Alan Wai Hou Lio" userId="4e2e7dda-a9a8-4e9f-8daf-fb8d3a66df36" providerId="ADAL" clId="{65674BCC-BC5D-4491-9E1A-E700DDE5ED59}" dt="2021-06-02T09:54:19.897" v="725" actId="1038"/>
          <ac:spMkLst>
            <pc:docMk/>
            <pc:sldMk cId="2675350158" sldId="276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9:45.763" v="436" actId="20577"/>
          <ac:spMkLst>
            <pc:docMk/>
            <pc:sldMk cId="2675350158" sldId="276"/>
            <ac:spMk id="6" creationId="{00000000-0000-0000-0000-000000000000}"/>
          </ac:spMkLst>
        </pc:spChg>
        <pc:spChg chg="add mod">
          <ac:chgData name="Alan Wai Hou Lio" userId="4e2e7dda-a9a8-4e9f-8daf-fb8d3a66df36" providerId="ADAL" clId="{65674BCC-BC5D-4491-9E1A-E700DDE5ED59}" dt="2021-06-02T09:52:48.641" v="647" actId="20577"/>
          <ac:spMkLst>
            <pc:docMk/>
            <pc:sldMk cId="2675350158" sldId="276"/>
            <ac:spMk id="7" creationId="{7141C49B-A4E0-414C-9742-C3B1F557F849}"/>
          </ac:spMkLst>
        </pc:spChg>
        <pc:picChg chg="add mod">
          <ac:chgData name="Alan Wai Hou Lio" userId="4e2e7dda-a9a8-4e9f-8daf-fb8d3a66df36" providerId="ADAL" clId="{65674BCC-BC5D-4491-9E1A-E700DDE5ED59}" dt="2021-06-02T09:54:16.665" v="719" actId="1038"/>
          <ac:picMkLst>
            <pc:docMk/>
            <pc:sldMk cId="2675350158" sldId="276"/>
            <ac:picMk id="1026" creationId="{F46DD10F-FF45-4095-9329-441306C02489}"/>
          </ac:picMkLst>
        </pc:picChg>
        <pc:picChg chg="add mod">
          <ac:chgData name="Alan Wai Hou Lio" userId="4e2e7dda-a9a8-4e9f-8daf-fb8d3a66df36" providerId="ADAL" clId="{65674BCC-BC5D-4491-9E1A-E700DDE5ED59}" dt="2021-06-02T09:52:43.224" v="639" actId="1038"/>
          <ac:picMkLst>
            <pc:docMk/>
            <pc:sldMk cId="2675350158" sldId="276"/>
            <ac:picMk id="1028" creationId="{C1DCBF1B-DF27-46CE-8324-80491408CC7D}"/>
          </ac:picMkLst>
        </pc:picChg>
      </pc:sldChg>
      <pc:sldChg chg="addSp delSp modSp new mod">
        <pc:chgData name="Alan Wai Hou Lio" userId="4e2e7dda-a9a8-4e9f-8daf-fb8d3a66df36" providerId="ADAL" clId="{65674BCC-BC5D-4491-9E1A-E700DDE5ED59}" dt="2021-06-02T09:57:55.847" v="989" actId="2710"/>
        <pc:sldMkLst>
          <pc:docMk/>
          <pc:sldMk cId="452599941" sldId="277"/>
        </pc:sldMkLst>
        <pc:spChg chg="mod">
          <ac:chgData name="Alan Wai Hou Lio" userId="4e2e7dda-a9a8-4e9f-8daf-fb8d3a66df36" providerId="ADAL" clId="{65674BCC-BC5D-4491-9E1A-E700DDE5ED59}" dt="2021-06-02T09:57:04.675" v="861" actId="20577"/>
          <ac:spMkLst>
            <pc:docMk/>
            <pc:sldMk cId="452599941" sldId="277"/>
            <ac:spMk id="2" creationId="{10AB8C26-F316-40C0-A0F6-909BC74EA2C7}"/>
          </ac:spMkLst>
        </pc:spChg>
        <pc:spChg chg="del">
          <ac:chgData name="Alan Wai Hou Lio" userId="4e2e7dda-a9a8-4e9f-8daf-fb8d3a66df36" providerId="ADAL" clId="{65674BCC-BC5D-4491-9E1A-E700DDE5ED59}" dt="2021-06-02T09:55:18.947" v="726"/>
          <ac:spMkLst>
            <pc:docMk/>
            <pc:sldMk cId="452599941" sldId="277"/>
            <ac:spMk id="3" creationId="{A3A381D7-CF42-457A-892E-DBFAA362EB65}"/>
          </ac:spMkLst>
        </pc:spChg>
        <pc:spChg chg="add mod">
          <ac:chgData name="Alan Wai Hou Lio" userId="4e2e7dda-a9a8-4e9f-8daf-fb8d3a66df36" providerId="ADAL" clId="{65674BCC-BC5D-4491-9E1A-E700DDE5ED59}" dt="2021-06-02T09:55:18.947" v="726"/>
          <ac:spMkLst>
            <pc:docMk/>
            <pc:sldMk cId="452599941" sldId="277"/>
            <ac:spMk id="6" creationId="{30E5EFA1-03C3-4D10-8880-266ED5AF55E6}"/>
          </ac:spMkLst>
        </pc:spChg>
        <pc:spChg chg="add del mod">
          <ac:chgData name="Alan Wai Hou Lio" userId="4e2e7dda-a9a8-4e9f-8daf-fb8d3a66df36" providerId="ADAL" clId="{65674BCC-BC5D-4491-9E1A-E700DDE5ED59}" dt="2021-06-02T09:57:48.819" v="988" actId="478"/>
          <ac:spMkLst>
            <pc:docMk/>
            <pc:sldMk cId="452599941" sldId="277"/>
            <ac:spMk id="7" creationId="{5D655A7A-6520-4E0B-BB4D-A61005613535}"/>
          </ac:spMkLst>
        </pc:spChg>
        <pc:spChg chg="add mod">
          <ac:chgData name="Alan Wai Hou Lio" userId="4e2e7dda-a9a8-4e9f-8daf-fb8d3a66df36" providerId="ADAL" clId="{65674BCC-BC5D-4491-9E1A-E700DDE5ED59}" dt="2021-06-02T09:57:55.847" v="989" actId="2710"/>
          <ac:spMkLst>
            <pc:docMk/>
            <pc:sldMk cId="452599941" sldId="277"/>
            <ac:spMk id="9" creationId="{413577E8-7731-43DC-B91E-97A08C281193}"/>
          </ac:spMkLst>
        </pc:spChg>
        <pc:graphicFrameChg chg="add del mod modGraphic">
          <ac:chgData name="Alan Wai Hou Lio" userId="4e2e7dda-a9a8-4e9f-8daf-fb8d3a66df36" providerId="ADAL" clId="{65674BCC-BC5D-4491-9E1A-E700DDE5ED59}" dt="2021-06-02T09:56:59.085" v="848" actId="478"/>
          <ac:graphicFrameMkLst>
            <pc:docMk/>
            <pc:sldMk cId="452599941" sldId="277"/>
            <ac:graphicFrameMk id="5" creationId="{DD5C05C6-1BEA-41E1-AB66-B60CABA6ACA6}"/>
          </ac:graphicFrameMkLst>
        </pc:graphicFrameChg>
      </pc:sldChg>
      <pc:sldChg chg="new del">
        <pc:chgData name="Alan Wai Hou Lio" userId="4e2e7dda-a9a8-4e9f-8daf-fb8d3a66df36" providerId="ADAL" clId="{65674BCC-BC5D-4491-9E1A-E700DDE5ED59}" dt="2021-06-02T09:49:29.378" v="415" actId="680"/>
        <pc:sldMkLst>
          <pc:docMk/>
          <pc:sldMk cId="2572234594" sldId="277"/>
        </pc:sldMkLst>
      </pc:sldChg>
      <pc:sldChg chg="addSp delSp modSp new mod">
        <pc:chgData name="Alan Wai Hou Lio" userId="4e2e7dda-a9a8-4e9f-8daf-fb8d3a66df36" providerId="ADAL" clId="{65674BCC-BC5D-4491-9E1A-E700DDE5ED59}" dt="2021-06-07T13:38:15.813" v="3622" actId="20577"/>
        <pc:sldMkLst>
          <pc:docMk/>
          <pc:sldMk cId="2197605132" sldId="278"/>
        </pc:sldMkLst>
        <pc:spChg chg="mod">
          <ac:chgData name="Alan Wai Hou Lio" userId="4e2e7dda-a9a8-4e9f-8daf-fb8d3a66df36" providerId="ADAL" clId="{65674BCC-BC5D-4491-9E1A-E700DDE5ED59}" dt="2021-06-02T09:53:39.499" v="704" actId="20577"/>
          <ac:spMkLst>
            <pc:docMk/>
            <pc:sldMk cId="2197605132" sldId="278"/>
            <ac:spMk id="2" creationId="{78C7E785-4DB0-4183-8BCD-B6D55BFAABAF}"/>
          </ac:spMkLst>
        </pc:spChg>
        <pc:spChg chg="del mod">
          <ac:chgData name="Alan Wai Hou Lio" userId="4e2e7dda-a9a8-4e9f-8daf-fb8d3a66df36" providerId="ADAL" clId="{65674BCC-BC5D-4491-9E1A-E700DDE5ED59}" dt="2021-06-02T10:07:08.625" v="1092" actId="478"/>
          <ac:spMkLst>
            <pc:docMk/>
            <pc:sldMk cId="2197605132" sldId="278"/>
            <ac:spMk id="3" creationId="{AC731EA0-64CC-4C95-AA87-13D304061F9F}"/>
          </ac:spMkLst>
        </pc:spChg>
        <pc:spChg chg="add mod">
          <ac:chgData name="Alan Wai Hou Lio" userId="4e2e7dda-a9a8-4e9f-8daf-fb8d3a66df36" providerId="ADAL" clId="{65674BCC-BC5D-4491-9E1A-E700DDE5ED59}" dt="2021-06-07T13:37:16.003" v="3576" actId="20577"/>
          <ac:spMkLst>
            <pc:docMk/>
            <pc:sldMk cId="2197605132" sldId="278"/>
            <ac:spMk id="8" creationId="{50085E16-1DE0-4663-8CDE-83671481A7FD}"/>
          </ac:spMkLst>
        </pc:spChg>
        <pc:spChg chg="add del mod">
          <ac:chgData name="Alan Wai Hou Lio" userId="4e2e7dda-a9a8-4e9f-8daf-fb8d3a66df36" providerId="ADAL" clId="{65674BCC-BC5D-4491-9E1A-E700DDE5ED59}" dt="2021-06-02T10:06:00.170" v="1033" actId="478"/>
          <ac:spMkLst>
            <pc:docMk/>
            <pc:sldMk cId="2197605132" sldId="278"/>
            <ac:spMk id="9" creationId="{0F5DFC21-D6C2-42F5-8FCF-16E8A03BEC43}"/>
          </ac:spMkLst>
        </pc:spChg>
        <pc:spChg chg="add mod">
          <ac:chgData name="Alan Wai Hou Lio" userId="4e2e7dda-a9a8-4e9f-8daf-fb8d3a66df36" providerId="ADAL" clId="{65674BCC-BC5D-4491-9E1A-E700DDE5ED59}" dt="2021-06-07T13:38:15.813" v="3622" actId="20577"/>
          <ac:spMkLst>
            <pc:docMk/>
            <pc:sldMk cId="2197605132" sldId="278"/>
            <ac:spMk id="10" creationId="{7062CD4D-920E-45DB-89CB-D2900394BD19}"/>
          </ac:spMkLst>
        </pc:spChg>
        <pc:spChg chg="add del mod">
          <ac:chgData name="Alan Wai Hou Lio" userId="4e2e7dda-a9a8-4e9f-8daf-fb8d3a66df36" providerId="ADAL" clId="{65674BCC-BC5D-4491-9E1A-E700DDE5ED59}" dt="2021-06-02T10:08:09.772" v="1120" actId="478"/>
          <ac:spMkLst>
            <pc:docMk/>
            <pc:sldMk cId="2197605132" sldId="278"/>
            <ac:spMk id="11" creationId="{E0518221-3B9C-4238-8227-5ED2AA3AFEEC}"/>
          </ac:spMkLst>
        </pc:spChg>
        <pc:spChg chg="add del mod">
          <ac:chgData name="Alan Wai Hou Lio" userId="4e2e7dda-a9a8-4e9f-8daf-fb8d3a66df36" providerId="ADAL" clId="{65674BCC-BC5D-4491-9E1A-E700DDE5ED59}" dt="2021-06-02T10:07:45.189" v="1106" actId="478"/>
          <ac:spMkLst>
            <pc:docMk/>
            <pc:sldMk cId="2197605132" sldId="278"/>
            <ac:spMk id="12" creationId="{F548496B-B313-4FFA-A7E0-2475521B6B4F}"/>
          </ac:spMkLst>
        </pc:spChg>
        <pc:spChg chg="add mod">
          <ac:chgData name="Alan Wai Hou Lio" userId="4e2e7dda-a9a8-4e9f-8daf-fb8d3a66df36" providerId="ADAL" clId="{65674BCC-BC5D-4491-9E1A-E700DDE5ED59}" dt="2021-06-02T10:07:58.321" v="1114" actId="1076"/>
          <ac:spMkLst>
            <pc:docMk/>
            <pc:sldMk cId="2197605132" sldId="278"/>
            <ac:spMk id="13" creationId="{0C1A5D81-E551-4011-AB34-582A4538380E}"/>
          </ac:spMkLst>
        </pc:spChg>
        <pc:spChg chg="add mod">
          <ac:chgData name="Alan Wai Hou Lio" userId="4e2e7dda-a9a8-4e9f-8daf-fb8d3a66df36" providerId="ADAL" clId="{65674BCC-BC5D-4491-9E1A-E700DDE5ED59}" dt="2021-06-02T10:08:13.475" v="1121" actId="1076"/>
          <ac:spMkLst>
            <pc:docMk/>
            <pc:sldMk cId="2197605132" sldId="278"/>
            <ac:spMk id="14" creationId="{83BDF8DF-893F-4178-9C3B-66B338F6FD12}"/>
          </ac:spMkLst>
        </pc:spChg>
        <pc:graphicFrameChg chg="add del mod">
          <ac:chgData name="Alan Wai Hou Lio" userId="4e2e7dda-a9a8-4e9f-8daf-fb8d3a66df36" providerId="ADAL" clId="{65674BCC-BC5D-4491-9E1A-E700DDE5ED59}" dt="2021-06-02T10:01:09.932" v="994" actId="478"/>
          <ac:graphicFrameMkLst>
            <pc:docMk/>
            <pc:sldMk cId="2197605132" sldId="278"/>
            <ac:graphicFrameMk id="5" creationId="{7277637D-854B-410D-8AFC-3EDEBB4B1868}"/>
          </ac:graphicFrameMkLst>
        </pc:graphicFrameChg>
        <pc:graphicFrameChg chg="add del mod modGraphic">
          <ac:chgData name="Alan Wai Hou Lio" userId="4e2e7dda-a9a8-4e9f-8daf-fb8d3a66df36" providerId="ADAL" clId="{65674BCC-BC5D-4491-9E1A-E700DDE5ED59}" dt="2021-06-02T10:03:43.188" v="1008" actId="478"/>
          <ac:graphicFrameMkLst>
            <pc:docMk/>
            <pc:sldMk cId="2197605132" sldId="278"/>
            <ac:graphicFrameMk id="6" creationId="{F91B1DF8-E545-400A-9B04-D2D98C9C3CCF}"/>
          </ac:graphicFrameMkLst>
        </pc:graphicFrameChg>
        <pc:graphicFrameChg chg="add del mod">
          <ac:chgData name="Alan Wai Hou Lio" userId="4e2e7dda-a9a8-4e9f-8daf-fb8d3a66df36" providerId="ADAL" clId="{65674BCC-BC5D-4491-9E1A-E700DDE5ED59}" dt="2021-06-02T10:03:46.606" v="1009" actId="478"/>
          <ac:graphicFrameMkLst>
            <pc:docMk/>
            <pc:sldMk cId="2197605132" sldId="278"/>
            <ac:graphicFrameMk id="7" creationId="{3662665E-F854-4AF3-A215-789C89BC8A83}"/>
          </ac:graphicFrameMkLst>
        </pc:graphicFrameChg>
        <pc:cxnChg chg="add">
          <ac:chgData name="Alan Wai Hou Lio" userId="4e2e7dda-a9a8-4e9f-8daf-fb8d3a66df36" providerId="ADAL" clId="{65674BCC-BC5D-4491-9E1A-E700DDE5ED59}" dt="2021-06-02T10:08:35.068" v="1123" actId="11529"/>
          <ac:cxnSpMkLst>
            <pc:docMk/>
            <pc:sldMk cId="2197605132" sldId="278"/>
            <ac:cxnSpMk id="16" creationId="{EA29F947-DFBD-473C-986F-C485532402AA}"/>
          </ac:cxnSpMkLst>
        </pc:cxnChg>
      </pc:sldChg>
      <pc:sldChg chg="addSp delSp modSp new mod addAnim delAnim modAnim">
        <pc:chgData name="Alan Wai Hou Lio" userId="4e2e7dda-a9a8-4e9f-8daf-fb8d3a66df36" providerId="ADAL" clId="{65674BCC-BC5D-4491-9E1A-E700DDE5ED59}" dt="2021-06-07T14:34:22.617" v="3629" actId="1035"/>
        <pc:sldMkLst>
          <pc:docMk/>
          <pc:sldMk cId="2911143014" sldId="279"/>
        </pc:sldMkLst>
        <pc:spChg chg="mod">
          <ac:chgData name="Alan Wai Hou Lio" userId="4e2e7dda-a9a8-4e9f-8daf-fb8d3a66df36" providerId="ADAL" clId="{65674BCC-BC5D-4491-9E1A-E700DDE5ED59}" dt="2021-06-02T11:28:37.094" v="1165" actId="20577"/>
          <ac:spMkLst>
            <pc:docMk/>
            <pc:sldMk cId="2911143014" sldId="279"/>
            <ac:spMk id="2" creationId="{38554D18-4A53-4E3C-943C-948F73F43F9E}"/>
          </ac:spMkLst>
        </pc:spChg>
        <pc:spChg chg="add del mod">
          <ac:chgData name="Alan Wai Hou Lio" userId="4e2e7dda-a9a8-4e9f-8daf-fb8d3a66df36" providerId="ADAL" clId="{65674BCC-BC5D-4491-9E1A-E700DDE5ED59}" dt="2021-06-02T12:33:35.038" v="1943" actId="20577"/>
          <ac:spMkLst>
            <pc:docMk/>
            <pc:sldMk cId="2911143014" sldId="279"/>
            <ac:spMk id="3" creationId="{8E6AF601-1535-4492-9EBF-D9CF96FFD74C}"/>
          </ac:spMkLst>
        </pc:spChg>
        <pc:spChg chg="add mod">
          <ac:chgData name="Alan Wai Hou Lio" userId="4e2e7dda-a9a8-4e9f-8daf-fb8d3a66df36" providerId="ADAL" clId="{65674BCC-BC5D-4491-9E1A-E700DDE5ED59}" dt="2021-06-02T12:33:10.784" v="1938" actId="164"/>
          <ac:spMkLst>
            <pc:docMk/>
            <pc:sldMk cId="2911143014" sldId="279"/>
            <ac:spMk id="7" creationId="{93341E85-CB11-457B-81E9-B1EFE9D37E4E}"/>
          </ac:spMkLst>
        </pc:spChg>
        <pc:spChg chg="add mod">
          <ac:chgData name="Alan Wai Hou Lio" userId="4e2e7dda-a9a8-4e9f-8daf-fb8d3a66df36" providerId="ADAL" clId="{65674BCC-BC5D-4491-9E1A-E700DDE5ED59}" dt="2021-06-02T12:33:10.784" v="1938" actId="164"/>
          <ac:spMkLst>
            <pc:docMk/>
            <pc:sldMk cId="2911143014" sldId="279"/>
            <ac:spMk id="8" creationId="{11E90A7A-65D2-47A6-9D25-F190CE759700}"/>
          </ac:spMkLst>
        </pc:spChg>
        <pc:spChg chg="mod">
          <ac:chgData name="Alan Wai Hou Lio" userId="4e2e7dda-a9a8-4e9f-8daf-fb8d3a66df36" providerId="ADAL" clId="{65674BCC-BC5D-4491-9E1A-E700DDE5ED59}" dt="2021-06-02T11:34:12.724" v="1392"/>
          <ac:spMkLst>
            <pc:docMk/>
            <pc:sldMk cId="2911143014" sldId="279"/>
            <ac:spMk id="11" creationId="{4529DCE6-1463-4A49-ADFF-3448BE67F985}"/>
          </ac:spMkLst>
        </pc:spChg>
        <pc:spChg chg="add mod">
          <ac:chgData name="Alan Wai Hou Lio" userId="4e2e7dda-a9a8-4e9f-8daf-fb8d3a66df36" providerId="ADAL" clId="{65674BCC-BC5D-4491-9E1A-E700DDE5ED59}" dt="2021-06-02T12:33:14.634" v="1939" actId="1076"/>
          <ac:spMkLst>
            <pc:docMk/>
            <pc:sldMk cId="2911143014" sldId="279"/>
            <ac:spMk id="12" creationId="{9F6C18D2-93DD-451B-B442-20D56C76BCBE}"/>
          </ac:spMkLst>
        </pc:spChg>
        <pc:spChg chg="add mod ord">
          <ac:chgData name="Alan Wai Hou Lio" userId="4e2e7dda-a9a8-4e9f-8daf-fb8d3a66df36" providerId="ADAL" clId="{65674BCC-BC5D-4491-9E1A-E700DDE5ED59}" dt="2021-06-02T12:33:44.206" v="1947" actId="1036"/>
          <ac:spMkLst>
            <pc:docMk/>
            <pc:sldMk cId="2911143014" sldId="279"/>
            <ac:spMk id="14" creationId="{EC92FEBD-AD71-42EE-84CF-D27B91D79E6A}"/>
          </ac:spMkLst>
        </pc:spChg>
        <pc:spChg chg="add del mod">
          <ac:chgData name="Alan Wai Hou Lio" userId="4e2e7dda-a9a8-4e9f-8daf-fb8d3a66df36" providerId="ADAL" clId="{65674BCC-BC5D-4491-9E1A-E700DDE5ED59}" dt="2021-06-02T12:31:08.208" v="1864" actId="478"/>
          <ac:spMkLst>
            <pc:docMk/>
            <pc:sldMk cId="2911143014" sldId="279"/>
            <ac:spMk id="15" creationId="{70CE825F-4E3A-4E0C-9E2F-68D1D7F0EA66}"/>
          </ac:spMkLst>
        </pc:spChg>
        <pc:grpChg chg="add mod">
          <ac:chgData name="Alan Wai Hou Lio" userId="4e2e7dda-a9a8-4e9f-8daf-fb8d3a66df36" providerId="ADAL" clId="{65674BCC-BC5D-4491-9E1A-E700DDE5ED59}" dt="2021-06-02T11:39:30.615" v="1567" actId="1076"/>
          <ac:grpSpMkLst>
            <pc:docMk/>
            <pc:sldMk cId="2911143014" sldId="279"/>
            <ac:grpSpMk id="9" creationId="{52FD63A1-C9B5-461F-BC78-85AFDE9E78D8}"/>
          </ac:grpSpMkLst>
        </pc:grpChg>
        <pc:grpChg chg="add mod">
          <ac:chgData name="Alan Wai Hou Lio" userId="4e2e7dda-a9a8-4e9f-8daf-fb8d3a66df36" providerId="ADAL" clId="{65674BCC-BC5D-4491-9E1A-E700DDE5ED59}" dt="2021-06-07T14:34:22.617" v="3629" actId="1035"/>
          <ac:grpSpMkLst>
            <pc:docMk/>
            <pc:sldMk cId="2911143014" sldId="279"/>
            <ac:grpSpMk id="16" creationId="{BF253B96-1A7E-4923-A491-FC7FCB0C38F3}"/>
          </ac:grpSpMkLst>
        </pc:grpChg>
        <pc:picChg chg="add mod">
          <ac:chgData name="Alan Wai Hou Lio" userId="4e2e7dda-a9a8-4e9f-8daf-fb8d3a66df36" providerId="ADAL" clId="{65674BCC-BC5D-4491-9E1A-E700DDE5ED59}" dt="2021-06-02T12:33:10.784" v="1938" actId="164"/>
          <ac:picMkLst>
            <pc:docMk/>
            <pc:sldMk cId="2911143014" sldId="279"/>
            <ac:picMk id="6" creationId="{07C08906-0CA5-4F88-989E-37AF45F0FE64}"/>
          </ac:picMkLst>
        </pc:picChg>
        <pc:picChg chg="mod">
          <ac:chgData name="Alan Wai Hou Lio" userId="4e2e7dda-a9a8-4e9f-8daf-fb8d3a66df36" providerId="ADAL" clId="{65674BCC-BC5D-4491-9E1A-E700DDE5ED59}" dt="2021-06-02T11:34:12.724" v="1392"/>
          <ac:picMkLst>
            <pc:docMk/>
            <pc:sldMk cId="2911143014" sldId="279"/>
            <ac:picMk id="10" creationId="{7B39E09F-1E36-4FD3-8ED9-8EFA1DCACA7C}"/>
          </ac:picMkLst>
        </pc:picChg>
        <pc:picChg chg="add del mod">
          <ac:chgData name="Alan Wai Hou Lio" userId="4e2e7dda-a9a8-4e9f-8daf-fb8d3a66df36" providerId="ADAL" clId="{65674BCC-BC5D-4491-9E1A-E700DDE5ED59}" dt="2021-06-02T12:27:52.206" v="1838" actId="478"/>
          <ac:picMkLst>
            <pc:docMk/>
            <pc:sldMk cId="2911143014" sldId="279"/>
            <ac:picMk id="13" creationId="{6B3E59AC-47F4-41C5-A38B-46B336E10FA7}"/>
          </ac:picMkLst>
        </pc:picChg>
      </pc:sldChg>
      <pc:sldChg chg="new del">
        <pc:chgData name="Alan Wai Hou Lio" userId="4e2e7dda-a9a8-4e9f-8daf-fb8d3a66df36" providerId="ADAL" clId="{65674BCC-BC5D-4491-9E1A-E700DDE5ED59}" dt="2021-06-02T10:06:56.138" v="1089" actId="47"/>
        <pc:sldMkLst>
          <pc:docMk/>
          <pc:sldMk cId="3554440595" sldId="279"/>
        </pc:sldMkLst>
      </pc:sldChg>
      <pc:sldChg chg="addSp delSp modSp new mod">
        <pc:chgData name="Alan Wai Hou Lio" userId="4e2e7dda-a9a8-4e9f-8daf-fb8d3a66df36" providerId="ADAL" clId="{65674BCC-BC5D-4491-9E1A-E700DDE5ED59}" dt="2021-06-02T11:48:54.011" v="1832" actId="1076"/>
        <pc:sldMkLst>
          <pc:docMk/>
          <pc:sldMk cId="3313816944" sldId="280"/>
        </pc:sldMkLst>
        <pc:spChg chg="mod">
          <ac:chgData name="Alan Wai Hou Lio" userId="4e2e7dda-a9a8-4e9f-8daf-fb8d3a66df36" providerId="ADAL" clId="{65674BCC-BC5D-4491-9E1A-E700DDE5ED59}" dt="2021-06-02T11:38:35.213" v="1533" actId="20577"/>
          <ac:spMkLst>
            <pc:docMk/>
            <pc:sldMk cId="3313816944" sldId="280"/>
            <ac:spMk id="2" creationId="{4C2A4ECF-FA18-461C-9719-4DF645096BBF}"/>
          </ac:spMkLst>
        </pc:spChg>
        <pc:spChg chg="mod">
          <ac:chgData name="Alan Wai Hou Lio" userId="4e2e7dda-a9a8-4e9f-8daf-fb8d3a66df36" providerId="ADAL" clId="{65674BCC-BC5D-4491-9E1A-E700DDE5ED59}" dt="2021-06-02T11:42:45.969" v="1608" actId="20577"/>
          <ac:spMkLst>
            <pc:docMk/>
            <pc:sldMk cId="3313816944" sldId="280"/>
            <ac:spMk id="3" creationId="{367A1E2F-E3C6-48A6-AEC5-46FD72398564}"/>
          </ac:spMkLst>
        </pc:spChg>
        <pc:spChg chg="add mod">
          <ac:chgData name="Alan Wai Hou Lio" userId="4e2e7dda-a9a8-4e9f-8daf-fb8d3a66df36" providerId="ADAL" clId="{65674BCC-BC5D-4491-9E1A-E700DDE5ED59}" dt="2021-06-02T11:38:57.563" v="1547" actId="1076"/>
          <ac:spMkLst>
            <pc:docMk/>
            <pc:sldMk cId="3313816944" sldId="280"/>
            <ac:spMk id="6" creationId="{91A7DDF0-F456-4C80-966E-91F9072FA957}"/>
          </ac:spMkLst>
        </pc:spChg>
        <pc:spChg chg="mod">
          <ac:chgData name="Alan Wai Hou Lio" userId="4e2e7dda-a9a8-4e9f-8daf-fb8d3a66df36" providerId="ADAL" clId="{65674BCC-BC5D-4491-9E1A-E700DDE5ED59}" dt="2021-06-02T11:38:58.206" v="1548"/>
          <ac:spMkLst>
            <pc:docMk/>
            <pc:sldMk cId="3313816944" sldId="280"/>
            <ac:spMk id="9" creationId="{DC1BCDAB-63B0-42E3-B1F6-0808165265D3}"/>
          </ac:spMkLst>
        </pc:spChg>
        <pc:grpChg chg="add mod">
          <ac:chgData name="Alan Wai Hou Lio" userId="4e2e7dda-a9a8-4e9f-8daf-fb8d3a66df36" providerId="ADAL" clId="{65674BCC-BC5D-4491-9E1A-E700DDE5ED59}" dt="2021-06-02T11:39:00.024" v="1549" actId="1076"/>
          <ac:grpSpMkLst>
            <pc:docMk/>
            <pc:sldMk cId="3313816944" sldId="280"/>
            <ac:grpSpMk id="7" creationId="{EF9824BA-095D-4981-B4F9-C723F9A9BF4E}"/>
          </ac:grpSpMkLst>
        </pc:grpChg>
        <pc:picChg chg="add del mod">
          <ac:chgData name="Alan Wai Hou Lio" userId="4e2e7dda-a9a8-4e9f-8daf-fb8d3a66df36" providerId="ADAL" clId="{65674BCC-BC5D-4491-9E1A-E700DDE5ED59}" dt="2021-06-02T11:42:21.182" v="1602" actId="478"/>
          <ac:picMkLst>
            <pc:docMk/>
            <pc:sldMk cId="3313816944" sldId="280"/>
            <ac:picMk id="5" creationId="{F5AE25EE-F970-4BCB-9545-EA98E6FCD576}"/>
          </ac:picMkLst>
        </pc:picChg>
        <pc:picChg chg="mod">
          <ac:chgData name="Alan Wai Hou Lio" userId="4e2e7dda-a9a8-4e9f-8daf-fb8d3a66df36" providerId="ADAL" clId="{65674BCC-BC5D-4491-9E1A-E700DDE5ED59}" dt="2021-06-02T11:38:58.206" v="1548"/>
          <ac:picMkLst>
            <pc:docMk/>
            <pc:sldMk cId="3313816944" sldId="280"/>
            <ac:picMk id="8" creationId="{5CB44033-AC06-4F45-985D-7DFC9405620F}"/>
          </ac:picMkLst>
        </pc:picChg>
        <pc:picChg chg="add del mod">
          <ac:chgData name="Alan Wai Hou Lio" userId="4e2e7dda-a9a8-4e9f-8daf-fb8d3a66df36" providerId="ADAL" clId="{65674BCC-BC5D-4491-9E1A-E700DDE5ED59}" dt="2021-06-02T11:42:39.493" v="1605" actId="478"/>
          <ac:picMkLst>
            <pc:docMk/>
            <pc:sldMk cId="3313816944" sldId="280"/>
            <ac:picMk id="10" creationId="{A1D6BA7E-62C3-484E-BC1B-923EF7065964}"/>
          </ac:picMkLst>
        </pc:picChg>
        <pc:picChg chg="add del mod">
          <ac:chgData name="Alan Wai Hou Lio" userId="4e2e7dda-a9a8-4e9f-8daf-fb8d3a66df36" providerId="ADAL" clId="{65674BCC-BC5D-4491-9E1A-E700DDE5ED59}" dt="2021-06-02T11:43:21.021" v="1610" actId="478"/>
          <ac:picMkLst>
            <pc:docMk/>
            <pc:sldMk cId="3313816944" sldId="280"/>
            <ac:picMk id="11" creationId="{F0E2AC42-0BA7-4A26-B17C-1B0320330A0F}"/>
          </ac:picMkLst>
        </pc:picChg>
        <pc:picChg chg="add del mod">
          <ac:chgData name="Alan Wai Hou Lio" userId="4e2e7dda-a9a8-4e9f-8daf-fb8d3a66df36" providerId="ADAL" clId="{65674BCC-BC5D-4491-9E1A-E700DDE5ED59}" dt="2021-06-02T11:48:44.877" v="1828" actId="478"/>
          <ac:picMkLst>
            <pc:docMk/>
            <pc:sldMk cId="3313816944" sldId="280"/>
            <ac:picMk id="12" creationId="{ABCFE1A6-C0DA-4C14-8CE6-AA591FA34747}"/>
          </ac:picMkLst>
        </pc:picChg>
        <pc:picChg chg="add mod">
          <ac:chgData name="Alan Wai Hou Lio" userId="4e2e7dda-a9a8-4e9f-8daf-fb8d3a66df36" providerId="ADAL" clId="{65674BCC-BC5D-4491-9E1A-E700DDE5ED59}" dt="2021-06-02T11:48:54.011" v="1832" actId="1076"/>
          <ac:picMkLst>
            <pc:docMk/>
            <pc:sldMk cId="3313816944" sldId="280"/>
            <ac:picMk id="13" creationId="{76E356D8-3A53-41A5-B106-2B27D849C4F1}"/>
          </ac:picMkLst>
        </pc:picChg>
      </pc:sldChg>
      <pc:sldChg chg="addSp modSp new mod modAnim">
        <pc:chgData name="Alan Wai Hou Lio" userId="4e2e7dda-a9a8-4e9f-8daf-fb8d3a66df36" providerId="ADAL" clId="{65674BCC-BC5D-4491-9E1A-E700DDE5ED59}" dt="2021-06-07T14:34:29.750" v="3631"/>
        <pc:sldMkLst>
          <pc:docMk/>
          <pc:sldMk cId="2363521502" sldId="281"/>
        </pc:sldMkLst>
        <pc:spChg chg="mod">
          <ac:chgData name="Alan Wai Hou Lio" userId="4e2e7dda-a9a8-4e9f-8daf-fb8d3a66df36" providerId="ADAL" clId="{65674BCC-BC5D-4491-9E1A-E700DDE5ED59}" dt="2021-06-02T11:41:06.277" v="1600" actId="20577"/>
          <ac:spMkLst>
            <pc:docMk/>
            <pc:sldMk cId="2363521502" sldId="281"/>
            <ac:spMk id="2" creationId="{1BF28C53-AF98-492E-B1B6-0D1120AA0064}"/>
          </ac:spMkLst>
        </pc:spChg>
        <pc:spChg chg="mod">
          <ac:chgData name="Alan Wai Hou Lio" userId="4e2e7dda-a9a8-4e9f-8daf-fb8d3a66df36" providerId="ADAL" clId="{65674BCC-BC5D-4491-9E1A-E700DDE5ED59}" dt="2021-06-02T11:44:17.423" v="1734" actId="2710"/>
          <ac:spMkLst>
            <pc:docMk/>
            <pc:sldMk cId="2363521502" sldId="281"/>
            <ac:spMk id="3" creationId="{A23598F7-267F-4F06-AE11-1BC1D32925EB}"/>
          </ac:spMkLst>
        </pc:spChg>
        <pc:spChg chg="add mod">
          <ac:chgData name="Alan Wai Hou Lio" userId="4e2e7dda-a9a8-4e9f-8daf-fb8d3a66df36" providerId="ADAL" clId="{65674BCC-BC5D-4491-9E1A-E700DDE5ED59}" dt="2021-06-02T11:44:45.619" v="1744" actId="1076"/>
          <ac:spMkLst>
            <pc:docMk/>
            <pc:sldMk cId="2363521502" sldId="281"/>
            <ac:spMk id="7" creationId="{F1DA4130-45C8-4F6C-AA00-B3CA34FF1627}"/>
          </ac:spMkLst>
        </pc:spChg>
        <pc:spChg chg="add mod">
          <ac:chgData name="Alan Wai Hou Lio" userId="4e2e7dda-a9a8-4e9f-8daf-fb8d3a66df36" providerId="ADAL" clId="{65674BCC-BC5D-4491-9E1A-E700DDE5ED59}" dt="2021-06-02T12:34:31.122" v="2005" actId="1076"/>
          <ac:spMkLst>
            <pc:docMk/>
            <pc:sldMk cId="2363521502" sldId="281"/>
            <ac:spMk id="10" creationId="{0724476D-B97A-4CD2-B416-A13878F6FA50}"/>
          </ac:spMkLst>
        </pc:spChg>
        <pc:spChg chg="add mod">
          <ac:chgData name="Alan Wai Hou Lio" userId="4e2e7dda-a9a8-4e9f-8daf-fb8d3a66df36" providerId="ADAL" clId="{65674BCC-BC5D-4491-9E1A-E700DDE5ED59}" dt="2021-06-02T12:34:35.088" v="2008" actId="1035"/>
          <ac:spMkLst>
            <pc:docMk/>
            <pc:sldMk cId="2363521502" sldId="281"/>
            <ac:spMk id="11" creationId="{FE82F10E-B3B4-47E0-868B-313FC038549B}"/>
          </ac:spMkLst>
        </pc:spChg>
        <pc:picChg chg="add mod">
          <ac:chgData name="Alan Wai Hou Lio" userId="4e2e7dda-a9a8-4e9f-8daf-fb8d3a66df36" providerId="ADAL" clId="{65674BCC-BC5D-4491-9E1A-E700DDE5ED59}" dt="2021-06-02T12:34:27.332" v="2004" actId="1076"/>
          <ac:picMkLst>
            <pc:docMk/>
            <pc:sldMk cId="2363521502" sldId="281"/>
            <ac:picMk id="5" creationId="{0E8D188C-8902-4D5B-BE3F-2B36DAFA013D}"/>
          </ac:picMkLst>
        </pc:picChg>
        <pc:picChg chg="add mod">
          <ac:chgData name="Alan Wai Hou Lio" userId="4e2e7dda-a9a8-4e9f-8daf-fb8d3a66df36" providerId="ADAL" clId="{65674BCC-BC5D-4491-9E1A-E700DDE5ED59}" dt="2021-06-02T11:44:42.842" v="1743" actId="1076"/>
          <ac:picMkLst>
            <pc:docMk/>
            <pc:sldMk cId="2363521502" sldId="281"/>
            <ac:picMk id="6" creationId="{762F71C2-847B-4292-8582-FA540F99F789}"/>
          </ac:picMkLst>
        </pc:picChg>
        <pc:cxnChg chg="add mod">
          <ac:chgData name="Alan Wai Hou Lio" userId="4e2e7dda-a9a8-4e9f-8daf-fb8d3a66df36" providerId="ADAL" clId="{65674BCC-BC5D-4491-9E1A-E700DDE5ED59}" dt="2021-06-02T12:34:33.362" v="2006" actId="14100"/>
          <ac:cxnSpMkLst>
            <pc:docMk/>
            <pc:sldMk cId="2363521502" sldId="281"/>
            <ac:cxnSpMk id="9" creationId="{DE1FF2F9-BFA1-49D4-9012-C00EB391539A}"/>
          </ac:cxnSpMkLst>
        </pc:cxnChg>
      </pc:sldChg>
      <pc:sldChg chg="modSp new mod modAnim">
        <pc:chgData name="Alan Wai Hou Lio" userId="4e2e7dda-a9a8-4e9f-8daf-fb8d3a66df36" providerId="ADAL" clId="{65674BCC-BC5D-4491-9E1A-E700DDE5ED59}" dt="2021-06-07T14:36:26.928" v="3640"/>
        <pc:sldMkLst>
          <pc:docMk/>
          <pc:sldMk cId="1028795465" sldId="282"/>
        </pc:sldMkLst>
        <pc:spChg chg="mod">
          <ac:chgData name="Alan Wai Hou Lio" userId="4e2e7dda-a9a8-4e9f-8daf-fb8d3a66df36" providerId="ADAL" clId="{65674BCC-BC5D-4491-9E1A-E700DDE5ED59}" dt="2021-06-02T14:37:11.153" v="2163" actId="20577"/>
          <ac:spMkLst>
            <pc:docMk/>
            <pc:sldMk cId="1028795465" sldId="282"/>
            <ac:spMk id="2" creationId="{D5CA3474-E38B-413C-862E-304FB80EAACC}"/>
          </ac:spMkLst>
        </pc:spChg>
        <pc:spChg chg="mod">
          <ac:chgData name="Alan Wai Hou Lio" userId="4e2e7dda-a9a8-4e9f-8daf-fb8d3a66df36" providerId="ADAL" clId="{65674BCC-BC5D-4491-9E1A-E700DDE5ED59}" dt="2021-06-02T14:42:44.360" v="2938" actId="2710"/>
          <ac:spMkLst>
            <pc:docMk/>
            <pc:sldMk cId="1028795465" sldId="282"/>
            <ac:spMk id="3" creationId="{CE9F0605-58DB-4C2E-AAF4-A8FB56313F17}"/>
          </ac:spMkLst>
        </pc:spChg>
      </pc:sldChg>
      <pc:sldChg chg="addSp delSp modSp new mod modAnim">
        <pc:chgData name="Alan Wai Hou Lio" userId="4e2e7dda-a9a8-4e9f-8daf-fb8d3a66df36" providerId="ADAL" clId="{65674BCC-BC5D-4491-9E1A-E700DDE5ED59}" dt="2021-06-07T14:36:01.842" v="3636"/>
        <pc:sldMkLst>
          <pc:docMk/>
          <pc:sldMk cId="1671521121" sldId="283"/>
        </pc:sldMkLst>
        <pc:spChg chg="mod">
          <ac:chgData name="Alan Wai Hou Lio" userId="4e2e7dda-a9a8-4e9f-8daf-fb8d3a66df36" providerId="ADAL" clId="{65674BCC-BC5D-4491-9E1A-E700DDE5ED59}" dt="2021-06-02T14:41:49.810" v="2768" actId="20577"/>
          <ac:spMkLst>
            <pc:docMk/>
            <pc:sldMk cId="1671521121" sldId="283"/>
            <ac:spMk id="2" creationId="{A8D8DC8D-AF0C-4833-8DCD-8EC45C48600C}"/>
          </ac:spMkLst>
        </pc:spChg>
        <pc:spChg chg="mod">
          <ac:chgData name="Alan Wai Hou Lio" userId="4e2e7dda-a9a8-4e9f-8daf-fb8d3a66df36" providerId="ADAL" clId="{65674BCC-BC5D-4491-9E1A-E700DDE5ED59}" dt="2021-06-02T15:02:07.285" v="3155" actId="20577"/>
          <ac:spMkLst>
            <pc:docMk/>
            <pc:sldMk cId="1671521121" sldId="283"/>
            <ac:spMk id="3" creationId="{F3BF703E-5BB7-47DC-8FCD-49FB88B45040}"/>
          </ac:spMkLst>
        </pc:spChg>
        <pc:spChg chg="add mod">
          <ac:chgData name="Alan Wai Hou Lio" userId="4e2e7dda-a9a8-4e9f-8daf-fb8d3a66df36" providerId="ADAL" clId="{65674BCC-BC5D-4491-9E1A-E700DDE5ED59}" dt="2021-06-02T14:44:41" v="3008" actId="1076"/>
          <ac:spMkLst>
            <pc:docMk/>
            <pc:sldMk cId="1671521121" sldId="283"/>
            <ac:spMk id="5" creationId="{FA7A1981-4CEE-47E8-B2EA-1C26B855F728}"/>
          </ac:spMkLst>
        </pc:spChg>
        <pc:spChg chg="add mod">
          <ac:chgData name="Alan Wai Hou Lio" userId="4e2e7dda-a9a8-4e9f-8daf-fb8d3a66df36" providerId="ADAL" clId="{65674BCC-BC5D-4491-9E1A-E700DDE5ED59}" dt="2021-06-02T15:03:45.881" v="3241" actId="1076"/>
          <ac:spMkLst>
            <pc:docMk/>
            <pc:sldMk cId="1671521121" sldId="283"/>
            <ac:spMk id="7" creationId="{4AFD99A1-8E1A-42DE-BC0D-0AD7B5FB3697}"/>
          </ac:spMkLst>
        </pc:spChg>
        <pc:picChg chg="add del mod modCrop">
          <ac:chgData name="Alan Wai Hou Lio" userId="4e2e7dda-a9a8-4e9f-8daf-fb8d3a66df36" providerId="ADAL" clId="{65674BCC-BC5D-4491-9E1A-E700DDE5ED59}" dt="2021-06-02T15:03:33.196" v="3236" actId="478"/>
          <ac:picMkLst>
            <pc:docMk/>
            <pc:sldMk cId="1671521121" sldId="283"/>
            <ac:picMk id="6" creationId="{39658A5C-6963-4F5F-AC10-758D46BF7E37}"/>
          </ac:picMkLst>
        </pc:picChg>
        <pc:picChg chg="add mod">
          <ac:chgData name="Alan Wai Hou Lio" userId="4e2e7dda-a9a8-4e9f-8daf-fb8d3a66df36" providerId="ADAL" clId="{65674BCC-BC5D-4491-9E1A-E700DDE5ED59}" dt="2021-06-02T15:03:43.471" v="3240" actId="1076"/>
          <ac:picMkLst>
            <pc:docMk/>
            <pc:sldMk cId="1671521121" sldId="283"/>
            <ac:picMk id="8" creationId="{4D8A95FF-A054-459A-B611-5269A3F1B8AB}"/>
          </ac:picMkLst>
        </pc:picChg>
      </pc:sldChg>
      <pc:sldChg chg="modSp new del mod">
        <pc:chgData name="Alan Wai Hou Lio" userId="4e2e7dda-a9a8-4e9f-8daf-fb8d3a66df36" providerId="ADAL" clId="{65674BCC-BC5D-4491-9E1A-E700DDE5ED59}" dt="2021-06-02T15:04:23.439" v="3272" actId="47"/>
        <pc:sldMkLst>
          <pc:docMk/>
          <pc:sldMk cId="1529768245" sldId="284"/>
        </pc:sldMkLst>
        <pc:spChg chg="mod">
          <ac:chgData name="Alan Wai Hou Lio" userId="4e2e7dda-a9a8-4e9f-8daf-fb8d3a66df36" providerId="ADAL" clId="{65674BCC-BC5D-4491-9E1A-E700DDE5ED59}" dt="2021-06-02T15:04:18.692" v="3271" actId="20577"/>
          <ac:spMkLst>
            <pc:docMk/>
            <pc:sldMk cId="1529768245" sldId="284"/>
            <ac:spMk id="2" creationId="{38CB2252-C157-4730-8780-D348DA316243}"/>
          </ac:spMkLst>
        </pc:spChg>
      </pc:sldChg>
      <pc:sldChg chg="modSp new del mod">
        <pc:chgData name="Alan Wai Hou Lio" userId="4e2e7dda-a9a8-4e9f-8daf-fb8d3a66df36" providerId="ADAL" clId="{65674BCC-BC5D-4491-9E1A-E700DDE5ED59}" dt="2021-06-07T14:36:07.665" v="3637" actId="47"/>
        <pc:sldMkLst>
          <pc:docMk/>
          <pc:sldMk cId="3097914115" sldId="284"/>
        </pc:sldMkLst>
        <pc:spChg chg="mod">
          <ac:chgData name="Alan Wai Hou Lio" userId="4e2e7dda-a9a8-4e9f-8daf-fb8d3a66df36" providerId="ADAL" clId="{65674BCC-BC5D-4491-9E1A-E700DDE5ED59}" dt="2021-06-03T09:19:26.090" v="3319" actId="20577"/>
          <ac:spMkLst>
            <pc:docMk/>
            <pc:sldMk cId="3097914115" sldId="284"/>
            <ac:spMk id="2" creationId="{AC5CF78A-1626-4987-B643-8A18FF745F90}"/>
          </ac:spMkLst>
        </pc:spChg>
        <pc:spChg chg="mod">
          <ac:chgData name="Alan Wai Hou Lio" userId="4e2e7dda-a9a8-4e9f-8daf-fb8d3a66df36" providerId="ADAL" clId="{65674BCC-BC5D-4491-9E1A-E700DDE5ED59}" dt="2021-06-03T09:22:26.906" v="3415" actId="20577"/>
          <ac:spMkLst>
            <pc:docMk/>
            <pc:sldMk cId="3097914115" sldId="284"/>
            <ac:spMk id="3" creationId="{BFF6306C-FF04-4B3E-B781-4933E2D78142}"/>
          </ac:spMkLst>
        </pc:spChg>
      </pc:sldChg>
      <pc:sldMasterChg chg="modSp mod modSldLayout">
        <pc:chgData name="Alan Wai Hou Lio" userId="4e2e7dda-a9a8-4e9f-8daf-fb8d3a66df36" providerId="ADAL" clId="{65674BCC-BC5D-4491-9E1A-E700DDE5ED59}" dt="2021-06-02T09:48:53.713" v="412" actId="790"/>
        <pc:sldMasterMkLst>
          <pc:docMk/>
          <pc:sldMasterMk cId="2454702602" sldId="2147483662"/>
        </pc:sldMasterMkLst>
        <pc:spChg chg="mod">
          <ac:chgData name="Alan Wai Hou Lio" userId="4e2e7dda-a9a8-4e9f-8daf-fb8d3a66df36" providerId="ADAL" clId="{65674BCC-BC5D-4491-9E1A-E700DDE5ED59}" dt="2021-06-02T09:48:53.589" v="353" actId="790"/>
          <ac:spMkLst>
            <pc:docMk/>
            <pc:sldMasterMk cId="2454702602" sldId="2147483662"/>
            <ac:spMk id="2" creationId="{35912424-89BF-4A93-9096-3282916C71FE}"/>
          </ac:spMkLst>
        </pc:spChg>
        <pc:spChg chg="mod">
          <ac:chgData name="Alan Wai Hou Lio" userId="4e2e7dda-a9a8-4e9f-8daf-fb8d3a66df36" providerId="ADAL" clId="{65674BCC-BC5D-4491-9E1A-E700DDE5ED59}" dt="2021-06-02T09:48:53.574" v="346" actId="790"/>
          <ac:spMkLst>
            <pc:docMk/>
            <pc:sldMasterMk cId="2454702602" sldId="2147483662"/>
            <ac:spMk id="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77" v="347" actId="790"/>
          <ac:spMkLst>
            <pc:docMk/>
            <pc:sldMasterMk cId="2454702602" sldId="2147483662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83" v="351" actId="790"/>
          <ac:spMkLst>
            <pc:docMk/>
            <pc:sldMasterMk cId="2454702602" sldId="2147483662"/>
            <ac:spMk id="5" creationId="{792B975C-625D-4095-8E1D-63F20A11B57C}"/>
          </ac:spMkLst>
        </pc:spChg>
        <pc:spChg chg="mod">
          <ac:chgData name="Alan Wai Hou Lio" userId="4e2e7dda-a9a8-4e9f-8daf-fb8d3a66df36" providerId="ADAL" clId="{65674BCC-BC5D-4491-9E1A-E700DDE5ED59}" dt="2021-06-02T09:48:53.587" v="352" actId="790"/>
          <ac:spMkLst>
            <pc:docMk/>
            <pc:sldMasterMk cId="2454702602" sldId="2147483662"/>
            <ac:spMk id="7" creationId="{06B09BDB-1C7D-4F8A-8F1B-82D88054A428}"/>
          </ac:spMkLst>
        </pc:spChg>
        <pc:spChg chg="mod">
          <ac:chgData name="Alan Wai Hou Lio" userId="4e2e7dda-a9a8-4e9f-8daf-fb8d3a66df36" providerId="ADAL" clId="{65674BCC-BC5D-4491-9E1A-E700DDE5ED59}" dt="2021-06-02T09:48:53.571" v="345" actId="790"/>
          <ac:spMkLst>
            <pc:docMk/>
            <pc:sldMasterMk cId="2454702602" sldId="2147483662"/>
            <ac:spMk id="11" creationId="{FFFFD011-0D94-46EE-B45C-787FE82C3B5E}"/>
          </ac:spMkLst>
        </pc:spChg>
        <pc:spChg chg="mod">
          <ac:chgData name="Alan Wai Hou Lio" userId="4e2e7dda-a9a8-4e9f-8daf-fb8d3a66df36" providerId="ADAL" clId="{65674BCC-BC5D-4491-9E1A-E700DDE5ED59}" dt="2021-06-02T09:48:53.568" v="344"/>
          <ac:spMkLst>
            <pc:docMk/>
            <pc:sldMasterMk cId="2454702602" sldId="2147483662"/>
            <ac:spMk id="19" creationId="{ADC92552-7939-46C1-AAFE-B97F51EBFFE9}"/>
          </ac:spMkLst>
        </pc:spChg>
        <pc:spChg chg="mod">
          <ac:chgData name="Alan Wai Hou Lio" userId="4e2e7dda-a9a8-4e9f-8daf-fb8d3a66df36" providerId="ADAL" clId="{65674BCC-BC5D-4491-9E1A-E700DDE5ED59}" dt="2021-06-02T09:48:53.578" v="348"/>
          <ac:spMkLst>
            <pc:docMk/>
            <pc:sldMasterMk cId="2454702602" sldId="2147483662"/>
            <ac:spMk id="11366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79" v="349"/>
          <ac:spMkLst>
            <pc:docMk/>
            <pc:sldMasterMk cId="2454702602" sldId="2147483662"/>
            <ac:spMk id="11366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80" v="350"/>
          <ac:spMkLst>
            <pc:docMk/>
            <pc:sldMasterMk cId="2454702602" sldId="2147483662"/>
            <ac:spMk id="113676" creationId="{00000000-0000-0000-0000-000000000000}"/>
          </ac:spMkLst>
        </pc:spChg>
        <pc:sldLayoutChg chg="modSp mod">
          <pc:chgData name="Alan Wai Hou Lio" userId="4e2e7dda-a9a8-4e9f-8daf-fb8d3a66df36" providerId="ADAL" clId="{65674BCC-BC5D-4491-9E1A-E700DDE5ED59}" dt="2021-06-02T09:48:53.604" v="359" actId="790"/>
          <pc:sldLayoutMkLst>
            <pc:docMk/>
            <pc:sldMasterMk cId="2454702602" sldId="2147483662"/>
            <pc:sldLayoutMk cId="3227214542" sldId="2147483663"/>
          </pc:sldLayoutMkLst>
          <pc:spChg chg="mod">
            <ac:chgData name="Alan Wai Hou Lio" userId="4e2e7dda-a9a8-4e9f-8daf-fb8d3a66df36" providerId="ADAL" clId="{65674BCC-BC5D-4491-9E1A-E700DDE5ED59}" dt="2021-06-02T09:48:53.593" v="354" actId="790"/>
            <ac:spMkLst>
              <pc:docMk/>
              <pc:sldMasterMk cId="2454702602" sldId="2147483662"/>
              <pc:sldLayoutMk cId="3227214542" sldId="2147483663"/>
              <ac:spMk id="2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00" v="358" actId="790"/>
            <ac:spMkLst>
              <pc:docMk/>
              <pc:sldMasterMk cId="2454702602" sldId="2147483662"/>
              <pc:sldLayoutMk cId="3227214542" sldId="2147483663"/>
              <ac:spMk id="3" creationId="{F2117C6C-7BC3-4888-BC29-FAB17565D119}"/>
            </ac:spMkLst>
          </pc:spChg>
          <pc:spChg chg="mod">
            <ac:chgData name="Alan Wai Hou Lio" userId="4e2e7dda-a9a8-4e9f-8daf-fb8d3a66df36" providerId="ADAL" clId="{65674BCC-BC5D-4491-9E1A-E700DDE5ED59}" dt="2021-06-02T09:48:53.604" v="359" actId="790"/>
            <ac:spMkLst>
              <pc:docMk/>
              <pc:sldMasterMk cId="2454702602" sldId="2147483662"/>
              <pc:sldLayoutMk cId="3227214542" sldId="2147483663"/>
              <ac:spMk id="4" creationId="{E77E4668-D07F-4B96-9755-175402734855}"/>
            </ac:spMkLst>
          </pc:spChg>
          <pc:spChg chg="mod">
            <ac:chgData name="Alan Wai Hou Lio" userId="4e2e7dda-a9a8-4e9f-8daf-fb8d3a66df36" providerId="ADAL" clId="{65674BCC-BC5D-4491-9E1A-E700DDE5ED59}" dt="2021-06-02T09:48:53.596" v="355" actId="790"/>
            <ac:spMkLst>
              <pc:docMk/>
              <pc:sldMasterMk cId="2454702602" sldId="2147483662"/>
              <pc:sldLayoutMk cId="3227214542" sldId="2147483663"/>
              <ac:spMk id="11" creationId="{275A6477-FE3A-4D40-B1FE-E46C11E344A5}"/>
            </ac:spMkLst>
          </pc:spChg>
          <pc:spChg chg="mod">
            <ac:chgData name="Alan Wai Hou Lio" userId="4e2e7dda-a9a8-4e9f-8daf-fb8d3a66df36" providerId="ADAL" clId="{65674BCC-BC5D-4491-9E1A-E700DDE5ED59}" dt="2021-06-02T09:48:53.597" v="356"/>
            <ac:spMkLst>
              <pc:docMk/>
              <pc:sldMasterMk cId="2454702602" sldId="2147483662"/>
              <pc:sldLayoutMk cId="3227214542" sldId="2147483663"/>
              <ac:spMk id="114690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598" v="357"/>
            <ac:spMkLst>
              <pc:docMk/>
              <pc:sldMasterMk cId="2454702602" sldId="2147483662"/>
              <pc:sldLayoutMk cId="3227214542" sldId="2147483663"/>
              <ac:spMk id="114691" creationId="{00000000-0000-0000-0000-000000000000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22" v="367" actId="790"/>
          <pc:sldLayoutMkLst>
            <pc:docMk/>
            <pc:sldMasterMk cId="2454702602" sldId="2147483662"/>
            <pc:sldLayoutMk cId="1187774059" sldId="2147483664"/>
          </pc:sldLayoutMkLst>
          <pc:spChg chg="mod">
            <ac:chgData name="Alan Wai Hou Lio" userId="4e2e7dda-a9a8-4e9f-8daf-fb8d3a66df36" providerId="ADAL" clId="{65674BCC-BC5D-4491-9E1A-E700DDE5ED59}" dt="2021-06-02T09:48:53.617" v="366" actId="790"/>
            <ac:spMkLst>
              <pc:docMk/>
              <pc:sldMasterMk cId="2454702602" sldId="2147483662"/>
              <pc:sldLayoutMk cId="1187774059" sldId="2147483664"/>
              <ac:spMk id="2" creationId="{1FCA8860-CDAD-4F91-9292-2B11655C191E}"/>
            </ac:spMkLst>
          </pc:spChg>
          <pc:spChg chg="mod">
            <ac:chgData name="Alan Wai Hou Lio" userId="4e2e7dda-a9a8-4e9f-8daf-fb8d3a66df36" providerId="ADAL" clId="{65674BCC-BC5D-4491-9E1A-E700DDE5ED59}" dt="2021-06-02T09:48:53.615" v="365"/>
            <ac:spMkLst>
              <pc:docMk/>
              <pc:sldMasterMk cId="2454702602" sldId="2147483662"/>
              <pc:sldLayoutMk cId="1187774059" sldId="2147483664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22" v="367" actId="790"/>
            <ac:spMkLst>
              <pc:docMk/>
              <pc:sldMasterMk cId="2454702602" sldId="2147483662"/>
              <pc:sldLayoutMk cId="1187774059" sldId="2147483664"/>
              <ac:spMk id="6" creationId="{88C7A21B-9B48-4777-BF0D-9FB95719C2E7}"/>
            </ac:spMkLst>
          </pc:spChg>
          <pc:spChg chg="mod">
            <ac:chgData name="Alan Wai Hou Lio" userId="4e2e7dda-a9a8-4e9f-8daf-fb8d3a66df36" providerId="ADAL" clId="{65674BCC-BC5D-4491-9E1A-E700DDE5ED59}" dt="2021-06-02T09:48:53.614" v="364"/>
            <ac:spMkLst>
              <pc:docMk/>
              <pc:sldMasterMk cId="2454702602" sldId="2147483662"/>
              <pc:sldLayoutMk cId="1187774059" sldId="2147483664"/>
              <ac:spMk id="7" creationId="{248A0E3C-0CE1-4BBF-A912-5A81BF3B7BCA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66" v="398" actId="790"/>
          <pc:sldLayoutMkLst>
            <pc:docMk/>
            <pc:sldMasterMk cId="2454702602" sldId="2147483662"/>
            <pc:sldLayoutMk cId="120845512" sldId="2147483666"/>
          </pc:sldLayoutMkLst>
          <pc:spChg chg="mod">
            <ac:chgData name="Alan Wai Hou Lio" userId="4e2e7dda-a9a8-4e9f-8daf-fb8d3a66df36" providerId="ADAL" clId="{65674BCC-BC5D-4491-9E1A-E700DDE5ED59}" dt="2021-06-02T09:48:53.663" v="397" actId="790"/>
            <ac:spMkLst>
              <pc:docMk/>
              <pc:sldMasterMk cId="2454702602" sldId="2147483662"/>
              <pc:sldLayoutMk cId="120845512" sldId="2147483666"/>
              <ac:spMk id="2" creationId="{51F74546-9D06-4CF7-806D-E04B043BF5A5}"/>
            </ac:spMkLst>
          </pc:spChg>
          <pc:spChg chg="mod">
            <ac:chgData name="Alan Wai Hou Lio" userId="4e2e7dda-a9a8-4e9f-8daf-fb8d3a66df36" providerId="ADAL" clId="{65674BCC-BC5D-4491-9E1A-E700DDE5ED59}" dt="2021-06-02T09:48:53.660" v="396"/>
            <ac:spMkLst>
              <pc:docMk/>
              <pc:sldMasterMk cId="2454702602" sldId="2147483662"/>
              <pc:sldLayoutMk cId="120845512" sldId="2147483666"/>
              <ac:spMk id="5" creationId="{8297DEAA-3B7B-49C7-8C28-3F21F36A93D7}"/>
            </ac:spMkLst>
          </pc:spChg>
          <pc:spChg chg="mod">
            <ac:chgData name="Alan Wai Hou Lio" userId="4e2e7dda-a9a8-4e9f-8daf-fb8d3a66df36" providerId="ADAL" clId="{65674BCC-BC5D-4491-9E1A-E700DDE5ED59}" dt="2021-06-02T09:48:53.666" v="398" actId="790"/>
            <ac:spMkLst>
              <pc:docMk/>
              <pc:sldMasterMk cId="2454702602" sldId="2147483662"/>
              <pc:sldLayoutMk cId="120845512" sldId="2147483666"/>
              <ac:spMk id="6" creationId="{42F53AB3-8AAF-469F-AD3F-AE5E1A39D7C8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72" v="400" actId="790"/>
          <pc:sldLayoutMkLst>
            <pc:docMk/>
            <pc:sldMasterMk cId="2454702602" sldId="2147483662"/>
            <pc:sldLayoutMk cId="2669264705" sldId="2147483667"/>
          </pc:sldLayoutMkLst>
          <pc:spChg chg="mod">
            <ac:chgData name="Alan Wai Hou Lio" userId="4e2e7dda-a9a8-4e9f-8daf-fb8d3a66df36" providerId="ADAL" clId="{65674BCC-BC5D-4491-9E1A-E700DDE5ED59}" dt="2021-06-02T09:48:53.669" v="399" actId="790"/>
            <ac:spMkLst>
              <pc:docMk/>
              <pc:sldMasterMk cId="2454702602" sldId="2147483662"/>
              <pc:sldLayoutMk cId="2669264705" sldId="2147483667"/>
              <ac:spMk id="4" creationId="{3AE75ABF-082F-4A38-B952-09157E37A81A}"/>
            </ac:spMkLst>
          </pc:spChg>
          <pc:spChg chg="mod">
            <ac:chgData name="Alan Wai Hou Lio" userId="4e2e7dda-a9a8-4e9f-8daf-fb8d3a66df36" providerId="ADAL" clId="{65674BCC-BC5D-4491-9E1A-E700DDE5ED59}" dt="2021-06-02T09:48:53.672" v="400" actId="790"/>
            <ac:spMkLst>
              <pc:docMk/>
              <pc:sldMasterMk cId="2454702602" sldId="2147483662"/>
              <pc:sldLayoutMk cId="2669264705" sldId="2147483667"/>
              <ac:spMk id="5" creationId="{D0A39F3A-7714-4FD6-9132-D60FFA220D98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87" v="405" actId="790"/>
          <pc:sldLayoutMkLst>
            <pc:docMk/>
            <pc:sldMasterMk cId="2454702602" sldId="2147483662"/>
            <pc:sldLayoutMk cId="2321786107" sldId="2147483668"/>
          </pc:sldLayoutMkLst>
          <pc:spChg chg="mod">
            <ac:chgData name="Alan Wai Hou Lio" userId="4e2e7dda-a9a8-4e9f-8daf-fb8d3a66df36" providerId="ADAL" clId="{65674BCC-BC5D-4491-9E1A-E700DDE5ED59}" dt="2021-06-02T09:48:53.675" v="402" actId="790"/>
            <ac:spMkLst>
              <pc:docMk/>
              <pc:sldMasterMk cId="2454702602" sldId="2147483662"/>
              <pc:sldLayoutMk cId="2321786107" sldId="2147483668"/>
              <ac:spMk id="4" creationId="{C9776080-6230-4AB8-AB28-4D6744DD01F9}"/>
            </ac:spMkLst>
          </pc:spChg>
          <pc:spChg chg="mod">
            <ac:chgData name="Alan Wai Hou Lio" userId="4e2e7dda-a9a8-4e9f-8daf-fb8d3a66df36" providerId="ADAL" clId="{65674BCC-BC5D-4491-9E1A-E700DDE5ED59}" dt="2021-06-02T09:48:53.679" v="403" actId="790"/>
            <ac:spMkLst>
              <pc:docMk/>
              <pc:sldMasterMk cId="2454702602" sldId="2147483662"/>
              <pc:sldLayoutMk cId="2321786107" sldId="2147483668"/>
              <ac:spMk id="5" creationId="{2B7FFAE6-D148-4A15-9DFC-7D71B82020C9}"/>
            </ac:spMkLst>
          </pc:spChg>
          <pc:spChg chg="mod">
            <ac:chgData name="Alan Wai Hou Lio" userId="4e2e7dda-a9a8-4e9f-8daf-fb8d3a66df36" providerId="ADAL" clId="{65674BCC-BC5D-4491-9E1A-E700DDE5ED59}" dt="2021-06-02T09:48:53.684" v="404" actId="790"/>
            <ac:spMkLst>
              <pc:docMk/>
              <pc:sldMasterMk cId="2454702602" sldId="2147483662"/>
              <pc:sldLayoutMk cId="2321786107" sldId="2147483668"/>
              <ac:spMk id="6" creationId="{3125B57E-AFC7-4517-B327-461DB01D2867}"/>
            </ac:spMkLst>
          </pc:spChg>
          <pc:spChg chg="mod">
            <ac:chgData name="Alan Wai Hou Lio" userId="4e2e7dda-a9a8-4e9f-8daf-fb8d3a66df36" providerId="ADAL" clId="{65674BCC-BC5D-4491-9E1A-E700DDE5ED59}" dt="2021-06-02T09:48:53.673" v="401"/>
            <ac:spMkLst>
              <pc:docMk/>
              <pc:sldMasterMk cId="2454702602" sldId="2147483662"/>
              <pc:sldLayoutMk cId="2321786107" sldId="2147483668"/>
              <ac:spMk id="9" creationId="{AF9D3C51-A276-4E1F-B6B6-FD6A4E17EE28}"/>
            </ac:spMkLst>
          </pc:spChg>
          <pc:spChg chg="mod">
            <ac:chgData name="Alan Wai Hou Lio" userId="4e2e7dda-a9a8-4e9f-8daf-fb8d3a66df36" providerId="ADAL" clId="{65674BCC-BC5D-4491-9E1A-E700DDE5ED59}" dt="2021-06-02T09:48:53.687" v="405" actId="790"/>
            <ac:spMkLst>
              <pc:docMk/>
              <pc:sldMasterMk cId="2454702602" sldId="2147483662"/>
              <pc:sldLayoutMk cId="2321786107" sldId="2147483668"/>
              <ac:spMk id="10" creationId="{B0EE486B-843B-49D6-90AE-5093AB56E30F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713" v="412" actId="790"/>
          <pc:sldLayoutMkLst>
            <pc:docMk/>
            <pc:sldMasterMk cId="2454702602" sldId="2147483662"/>
            <pc:sldLayoutMk cId="3496376187" sldId="2147483669"/>
          </pc:sldLayoutMkLst>
          <pc:spChg chg="mod">
            <ac:chgData name="Alan Wai Hou Lio" userId="4e2e7dda-a9a8-4e9f-8daf-fb8d3a66df36" providerId="ADAL" clId="{65674BCC-BC5D-4491-9E1A-E700DDE5ED59}" dt="2021-06-02T09:48:53.697" v="408" actId="790"/>
            <ac:spMkLst>
              <pc:docMk/>
              <pc:sldMasterMk cId="2454702602" sldId="2147483662"/>
              <pc:sldLayoutMk cId="3496376187" sldId="2147483669"/>
              <ac:spMk id="6" creationId="{AF062B26-8169-4B93-8FD8-CFDB0855A961}"/>
            </ac:spMkLst>
          </pc:spChg>
          <pc:spChg chg="mod">
            <ac:chgData name="Alan Wai Hou Lio" userId="4e2e7dda-a9a8-4e9f-8daf-fb8d3a66df36" providerId="ADAL" clId="{65674BCC-BC5D-4491-9E1A-E700DDE5ED59}" dt="2021-06-02T09:48:53.700" v="409" actId="790"/>
            <ac:spMkLst>
              <pc:docMk/>
              <pc:sldMasterMk cId="2454702602" sldId="2147483662"/>
              <pc:sldLayoutMk cId="3496376187" sldId="2147483669"/>
              <ac:spMk id="7" creationId="{CA59923C-6F09-424E-AF1E-AC62326A9B2B}"/>
            </ac:spMkLst>
          </pc:spChg>
          <pc:spChg chg="mod">
            <ac:chgData name="Alan Wai Hou Lio" userId="4e2e7dda-a9a8-4e9f-8daf-fb8d3a66df36" providerId="ADAL" clId="{65674BCC-BC5D-4491-9E1A-E700DDE5ED59}" dt="2021-06-02T09:48:53.705" v="410" actId="790"/>
            <ac:spMkLst>
              <pc:docMk/>
              <pc:sldMasterMk cId="2454702602" sldId="2147483662"/>
              <pc:sldLayoutMk cId="3496376187" sldId="2147483669"/>
              <ac:spMk id="9" creationId="{4C299FA2-BF46-4410-B2CD-E3C80B7A9893}"/>
            </ac:spMkLst>
          </pc:spChg>
          <pc:spChg chg="mod">
            <ac:chgData name="Alan Wai Hou Lio" userId="4e2e7dda-a9a8-4e9f-8daf-fb8d3a66df36" providerId="ADAL" clId="{65674BCC-BC5D-4491-9E1A-E700DDE5ED59}" dt="2021-06-02T09:48:53.690" v="406" actId="790"/>
            <ac:spMkLst>
              <pc:docMk/>
              <pc:sldMasterMk cId="2454702602" sldId="2147483662"/>
              <pc:sldLayoutMk cId="3496376187" sldId="2147483669"/>
              <ac:spMk id="10" creationId="{A3420087-96DF-432F-B192-585D42BF6A4E}"/>
            </ac:spMkLst>
          </pc:spChg>
          <pc:spChg chg="mod">
            <ac:chgData name="Alan Wai Hou Lio" userId="4e2e7dda-a9a8-4e9f-8daf-fb8d3a66df36" providerId="ADAL" clId="{65674BCC-BC5D-4491-9E1A-E700DDE5ED59}" dt="2021-06-02T09:48:53.709" v="411" actId="790"/>
            <ac:spMkLst>
              <pc:docMk/>
              <pc:sldMasterMk cId="2454702602" sldId="2147483662"/>
              <pc:sldLayoutMk cId="3496376187" sldId="2147483669"/>
              <ac:spMk id="11" creationId="{495865CE-5BE9-4122-8AB8-48E534DD88F7}"/>
            </ac:spMkLst>
          </pc:spChg>
          <pc:spChg chg="mod">
            <ac:chgData name="Alan Wai Hou Lio" userId="4e2e7dda-a9a8-4e9f-8daf-fb8d3a66df36" providerId="ADAL" clId="{65674BCC-BC5D-4491-9E1A-E700DDE5ED59}" dt="2021-06-02T09:48:53.713" v="412" actId="790"/>
            <ac:spMkLst>
              <pc:docMk/>
              <pc:sldMasterMk cId="2454702602" sldId="2147483662"/>
              <pc:sldLayoutMk cId="3496376187" sldId="2147483669"/>
              <ac:spMk id="12" creationId="{0D436479-94F3-475C-8F8D-D3CDC81793FD}"/>
            </ac:spMkLst>
          </pc:spChg>
          <pc:spChg chg="mod">
            <ac:chgData name="Alan Wai Hou Lio" userId="4e2e7dda-a9a8-4e9f-8daf-fb8d3a66df36" providerId="ADAL" clId="{65674BCC-BC5D-4491-9E1A-E700DDE5ED59}" dt="2021-06-02T09:48:53.694" v="407" actId="790"/>
            <ac:spMkLst>
              <pc:docMk/>
              <pc:sldMasterMk cId="2454702602" sldId="2147483662"/>
              <pc:sldLayoutMk cId="3496376187" sldId="2147483669"/>
              <ac:spMk id="13" creationId="{09BBEE10-6A59-474F-B766-7643F97F869F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12" v="363" actId="790"/>
          <pc:sldLayoutMkLst>
            <pc:docMk/>
            <pc:sldMasterMk cId="2454702602" sldId="2147483662"/>
            <pc:sldLayoutMk cId="1225919311" sldId="2147483671"/>
          </pc:sldLayoutMkLst>
          <pc:spChg chg="mod">
            <ac:chgData name="Alan Wai Hou Lio" userId="4e2e7dda-a9a8-4e9f-8daf-fb8d3a66df36" providerId="ADAL" clId="{65674BCC-BC5D-4491-9E1A-E700DDE5ED59}" dt="2021-06-02T09:48:53.608" v="362" actId="790"/>
            <ac:spMkLst>
              <pc:docMk/>
              <pc:sldMasterMk cId="2454702602" sldId="2147483662"/>
              <pc:sldLayoutMk cId="1225919311" sldId="2147483671"/>
              <ac:spMk id="3" creationId="{71346B4F-F02C-40EC-9B70-932B18214C6A}"/>
            </ac:spMkLst>
          </pc:spChg>
          <pc:spChg chg="mod">
            <ac:chgData name="Alan Wai Hou Lio" userId="4e2e7dda-a9a8-4e9f-8daf-fb8d3a66df36" providerId="ADAL" clId="{65674BCC-BC5D-4491-9E1A-E700DDE5ED59}" dt="2021-06-02T09:48:53.612" v="363" actId="790"/>
            <ac:spMkLst>
              <pc:docMk/>
              <pc:sldMasterMk cId="2454702602" sldId="2147483662"/>
              <pc:sldLayoutMk cId="1225919311" sldId="2147483671"/>
              <ac:spMk id="4" creationId="{FE67EB69-BB5A-407E-BF0A-1CB9B24506D8}"/>
            </ac:spMkLst>
          </pc:spChg>
          <pc:spChg chg="mod">
            <ac:chgData name="Alan Wai Hou Lio" userId="4e2e7dda-a9a8-4e9f-8daf-fb8d3a66df36" providerId="ADAL" clId="{65674BCC-BC5D-4491-9E1A-E700DDE5ED59}" dt="2021-06-02T09:48:53.605" v="360"/>
            <ac:spMkLst>
              <pc:docMk/>
              <pc:sldMasterMk cId="2454702602" sldId="2147483662"/>
              <pc:sldLayoutMk cId="1225919311" sldId="2147483671"/>
              <ac:spMk id="114690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05" v="361"/>
            <ac:spMkLst>
              <pc:docMk/>
              <pc:sldMasterMk cId="2454702602" sldId="2147483662"/>
              <pc:sldLayoutMk cId="1225919311" sldId="2147483671"/>
              <ac:spMk id="114691" creationId="{00000000-0000-0000-0000-000000000000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40" v="378" actId="790"/>
          <pc:sldLayoutMkLst>
            <pc:docMk/>
            <pc:sldMasterMk cId="2454702602" sldId="2147483662"/>
            <pc:sldLayoutMk cId="3922670733" sldId="2147483672"/>
          </pc:sldLayoutMkLst>
          <pc:spChg chg="mod">
            <ac:chgData name="Alan Wai Hou Lio" userId="4e2e7dda-a9a8-4e9f-8daf-fb8d3a66df36" providerId="ADAL" clId="{65674BCC-BC5D-4491-9E1A-E700DDE5ED59}" dt="2021-06-02T09:48:53.637" v="377" actId="790"/>
            <ac:spMkLst>
              <pc:docMk/>
              <pc:sldMasterMk cId="2454702602" sldId="2147483662"/>
              <pc:sldLayoutMk cId="3922670733" sldId="2147483672"/>
              <ac:spMk id="2" creationId="{D2986237-C7E2-4498-82A4-361A340A6504}"/>
            </ac:spMkLst>
          </pc:spChg>
          <pc:spChg chg="mod">
            <ac:chgData name="Alan Wai Hou Lio" userId="4e2e7dda-a9a8-4e9f-8daf-fb8d3a66df36" providerId="ADAL" clId="{65674BCC-BC5D-4491-9E1A-E700DDE5ED59}" dt="2021-06-02T09:48:53.632" v="374"/>
            <ac:spMkLst>
              <pc:docMk/>
              <pc:sldMasterMk cId="2454702602" sldId="2147483662"/>
              <pc:sldLayoutMk cId="3922670733" sldId="2147483672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40" v="378" actId="790"/>
            <ac:spMkLst>
              <pc:docMk/>
              <pc:sldMasterMk cId="2454702602" sldId="2147483662"/>
              <pc:sldLayoutMk cId="3922670733" sldId="2147483672"/>
              <ac:spMk id="6" creationId="{21664EEF-2B63-484E-803A-4FCD66F243A5}"/>
            </ac:spMkLst>
          </pc:spChg>
          <pc:spChg chg="mod">
            <ac:chgData name="Alan Wai Hou Lio" userId="4e2e7dda-a9a8-4e9f-8daf-fb8d3a66df36" providerId="ADAL" clId="{65674BCC-BC5D-4491-9E1A-E700DDE5ED59}" dt="2021-06-02T09:48:53.633" v="375"/>
            <ac:spMkLst>
              <pc:docMk/>
              <pc:sldMasterMk cId="2454702602" sldId="2147483662"/>
              <pc:sldLayoutMk cId="3922670733" sldId="2147483672"/>
              <ac:spMk id="10" creationId="{565D29D0-EA4F-4318-8A82-6C2B200A712B}"/>
            </ac:spMkLst>
          </pc:spChg>
          <pc:spChg chg="mod">
            <ac:chgData name="Alan Wai Hou Lio" userId="4e2e7dda-a9a8-4e9f-8daf-fb8d3a66df36" providerId="ADAL" clId="{65674BCC-BC5D-4491-9E1A-E700DDE5ED59}" dt="2021-06-02T09:48:53.634" v="376"/>
            <ac:spMkLst>
              <pc:docMk/>
              <pc:sldMasterMk cId="2454702602" sldId="2147483662"/>
              <pc:sldLayoutMk cId="3922670733" sldId="2147483672"/>
              <ac:spMk id="12" creationId="{25B8511D-E10E-40C3-82A6-3DCDC97CF6C2}"/>
            </ac:spMkLst>
          </pc:spChg>
          <pc:spChg chg="mod">
            <ac:chgData name="Alan Wai Hou Lio" userId="4e2e7dda-a9a8-4e9f-8daf-fb8d3a66df36" providerId="ADAL" clId="{65674BCC-BC5D-4491-9E1A-E700DDE5ED59}" dt="2021-06-02T09:48:53.632" v="373"/>
            <ac:spMkLst>
              <pc:docMk/>
              <pc:sldMasterMk cId="2454702602" sldId="2147483662"/>
              <pc:sldLayoutMk cId="3922670733" sldId="2147483672"/>
              <ac:spMk id="16" creationId="{90A2595F-A737-4D92-946C-EC0BBF885334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49" v="384" actId="790"/>
          <pc:sldLayoutMkLst>
            <pc:docMk/>
            <pc:sldMasterMk cId="2454702602" sldId="2147483662"/>
            <pc:sldLayoutMk cId="1283562364" sldId="2147483673"/>
          </pc:sldLayoutMkLst>
          <pc:spChg chg="mod">
            <ac:chgData name="Alan Wai Hou Lio" userId="4e2e7dda-a9a8-4e9f-8daf-fb8d3a66df36" providerId="ADAL" clId="{65674BCC-BC5D-4491-9E1A-E700DDE5ED59}" dt="2021-06-02T09:48:53.645" v="383" actId="790"/>
            <ac:spMkLst>
              <pc:docMk/>
              <pc:sldMasterMk cId="2454702602" sldId="2147483662"/>
              <pc:sldLayoutMk cId="1283562364" sldId="2147483673"/>
              <ac:spMk id="2" creationId="{AE26B732-1A52-4AA9-89FC-8FC5439E40DC}"/>
            </ac:spMkLst>
          </pc:spChg>
          <pc:spChg chg="mod">
            <ac:chgData name="Alan Wai Hou Lio" userId="4e2e7dda-a9a8-4e9f-8daf-fb8d3a66df36" providerId="ADAL" clId="{65674BCC-BC5D-4491-9E1A-E700DDE5ED59}" dt="2021-06-02T09:48:53.642" v="380"/>
            <ac:spMkLst>
              <pc:docMk/>
              <pc:sldMasterMk cId="2454702602" sldId="2147483662"/>
              <pc:sldLayoutMk cId="1283562364" sldId="2147483673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49" v="384" actId="790"/>
            <ac:spMkLst>
              <pc:docMk/>
              <pc:sldMasterMk cId="2454702602" sldId="2147483662"/>
              <pc:sldLayoutMk cId="1283562364" sldId="2147483673"/>
              <ac:spMk id="6" creationId="{3B25D0DC-E43F-43DA-AA0F-C0C54C8939F7}"/>
            </ac:spMkLst>
          </pc:spChg>
          <pc:spChg chg="mod">
            <ac:chgData name="Alan Wai Hou Lio" userId="4e2e7dda-a9a8-4e9f-8daf-fb8d3a66df36" providerId="ADAL" clId="{65674BCC-BC5D-4491-9E1A-E700DDE5ED59}" dt="2021-06-02T09:48:53.642" v="381"/>
            <ac:spMkLst>
              <pc:docMk/>
              <pc:sldMasterMk cId="2454702602" sldId="2147483662"/>
              <pc:sldLayoutMk cId="1283562364" sldId="2147483673"/>
              <ac:spMk id="10" creationId="{565D29D0-EA4F-4318-8A82-6C2B200A712B}"/>
            </ac:spMkLst>
          </pc:spChg>
          <pc:spChg chg="mod">
            <ac:chgData name="Alan Wai Hou Lio" userId="4e2e7dda-a9a8-4e9f-8daf-fb8d3a66df36" providerId="ADAL" clId="{65674BCC-BC5D-4491-9E1A-E700DDE5ED59}" dt="2021-06-02T09:48:53.643" v="382"/>
            <ac:spMkLst>
              <pc:docMk/>
              <pc:sldMasterMk cId="2454702602" sldId="2147483662"/>
              <pc:sldLayoutMk cId="1283562364" sldId="2147483673"/>
              <ac:spMk id="12" creationId="{25B8511D-E10E-40C3-82A6-3DCDC97CF6C2}"/>
            </ac:spMkLst>
          </pc:spChg>
          <pc:spChg chg="mod">
            <ac:chgData name="Alan Wai Hou Lio" userId="4e2e7dda-a9a8-4e9f-8daf-fb8d3a66df36" providerId="ADAL" clId="{65674BCC-BC5D-4491-9E1A-E700DDE5ED59}" dt="2021-06-02T09:48:53.641" v="379"/>
            <ac:spMkLst>
              <pc:docMk/>
              <pc:sldMasterMk cId="2454702602" sldId="2147483662"/>
              <pc:sldLayoutMk cId="1283562364" sldId="2147483673"/>
              <ac:spMk id="18" creationId="{92213382-11A1-48CE-B0A0-D8A7D26861FB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59" v="395" actId="790"/>
          <pc:sldLayoutMkLst>
            <pc:docMk/>
            <pc:sldMasterMk cId="2454702602" sldId="2147483662"/>
            <pc:sldLayoutMk cId="1886374073" sldId="2147483676"/>
          </pc:sldLayoutMkLst>
          <pc:spChg chg="mod">
            <ac:chgData name="Alan Wai Hou Lio" userId="4e2e7dda-a9a8-4e9f-8daf-fb8d3a66df36" providerId="ADAL" clId="{65674BCC-BC5D-4491-9E1A-E700DDE5ED59}" dt="2021-06-02T09:48:53.650" v="385"/>
            <ac:spMkLst>
              <pc:docMk/>
              <pc:sldMasterMk cId="2454702602" sldId="2147483662"/>
              <pc:sldLayoutMk cId="1886374073" sldId="2147483676"/>
              <ac:spMk id="2" creationId="{178953C3-F3F7-4638-96F8-7CF20CB55E0C}"/>
            </ac:spMkLst>
          </pc:spChg>
          <pc:spChg chg="mod">
            <ac:chgData name="Alan Wai Hou Lio" userId="4e2e7dda-a9a8-4e9f-8daf-fb8d3a66df36" providerId="ADAL" clId="{65674BCC-BC5D-4491-9E1A-E700DDE5ED59}" dt="2021-06-02T09:48:53.655" v="394" actId="790"/>
            <ac:spMkLst>
              <pc:docMk/>
              <pc:sldMasterMk cId="2454702602" sldId="2147483662"/>
              <pc:sldLayoutMk cId="1886374073" sldId="2147483676"/>
              <ac:spMk id="3" creationId="{71346B4F-F02C-40EC-9B70-932B18214C6A}"/>
            </ac:spMkLst>
          </pc:spChg>
          <pc:spChg chg="mod">
            <ac:chgData name="Alan Wai Hou Lio" userId="4e2e7dda-a9a8-4e9f-8daf-fb8d3a66df36" providerId="ADAL" clId="{65674BCC-BC5D-4491-9E1A-E700DDE5ED59}" dt="2021-06-02T09:48:53.659" v="395" actId="790"/>
            <ac:spMkLst>
              <pc:docMk/>
              <pc:sldMasterMk cId="2454702602" sldId="2147483662"/>
              <pc:sldLayoutMk cId="1886374073" sldId="2147483676"/>
              <ac:spMk id="4" creationId="{FE67EB69-BB5A-407E-BF0A-1CB9B24506D8}"/>
            </ac:spMkLst>
          </pc:spChg>
          <pc:spChg chg="mod">
            <ac:chgData name="Alan Wai Hou Lio" userId="4e2e7dda-a9a8-4e9f-8daf-fb8d3a66df36" providerId="ADAL" clId="{65674BCC-BC5D-4491-9E1A-E700DDE5ED59}" dt="2021-06-02T09:48:53.652" v="391"/>
            <ac:spMkLst>
              <pc:docMk/>
              <pc:sldMasterMk cId="2454702602" sldId="2147483662"/>
              <pc:sldLayoutMk cId="1886374073" sldId="2147483676"/>
              <ac:spMk id="9" creationId="{91B02311-54A6-4455-B615-BBCA0DA742E4}"/>
            </ac:spMkLst>
          </pc:spChg>
          <pc:spChg chg="mod">
            <ac:chgData name="Alan Wai Hou Lio" userId="4e2e7dda-a9a8-4e9f-8daf-fb8d3a66df36" providerId="ADAL" clId="{65674BCC-BC5D-4491-9E1A-E700DDE5ED59}" dt="2021-06-02T09:48:53.652" v="392"/>
            <ac:spMkLst>
              <pc:docMk/>
              <pc:sldMasterMk cId="2454702602" sldId="2147483662"/>
              <pc:sldLayoutMk cId="1886374073" sldId="2147483676"/>
              <ac:spMk id="13" creationId="{710A5827-3485-49A0-81F0-FF89EE34B804}"/>
            </ac:spMkLst>
          </pc:spChg>
          <pc:spChg chg="mod">
            <ac:chgData name="Alan Wai Hou Lio" userId="4e2e7dda-a9a8-4e9f-8daf-fb8d3a66df36" providerId="ADAL" clId="{65674BCC-BC5D-4491-9E1A-E700DDE5ED59}" dt="2021-06-02T09:48:53.653" v="393"/>
            <ac:spMkLst>
              <pc:docMk/>
              <pc:sldMasterMk cId="2454702602" sldId="2147483662"/>
              <pc:sldLayoutMk cId="1886374073" sldId="2147483676"/>
              <ac:spMk id="14" creationId="{E27B0558-FCB8-4A55-9BA9-182DFF0387F4}"/>
            </ac:spMkLst>
          </pc:spChg>
          <pc:spChg chg="mod">
            <ac:chgData name="Alan Wai Hou Lio" userId="4e2e7dda-a9a8-4e9f-8daf-fb8d3a66df36" providerId="ADAL" clId="{65674BCC-BC5D-4491-9E1A-E700DDE5ED59}" dt="2021-06-02T09:48:53.650" v="386"/>
            <ac:spMkLst>
              <pc:docMk/>
              <pc:sldMasterMk cId="2454702602" sldId="2147483662"/>
              <pc:sldLayoutMk cId="1886374073" sldId="2147483676"/>
              <ac:spMk id="15" creationId="{CC0DB591-4602-46B3-B1C3-1E64148AB9B7}"/>
            </ac:spMkLst>
          </pc:spChg>
          <pc:spChg chg="mod">
            <ac:chgData name="Alan Wai Hou Lio" userId="4e2e7dda-a9a8-4e9f-8daf-fb8d3a66df36" providerId="ADAL" clId="{65674BCC-BC5D-4491-9E1A-E700DDE5ED59}" dt="2021-06-02T09:48:53.650" v="387"/>
            <ac:spMkLst>
              <pc:docMk/>
              <pc:sldMasterMk cId="2454702602" sldId="2147483662"/>
              <pc:sldLayoutMk cId="1886374073" sldId="2147483676"/>
              <ac:spMk id="19" creationId="{68416079-1CFC-426F-A6ED-5AB355FC545F}"/>
            </ac:spMkLst>
          </pc:spChg>
          <pc:spChg chg="mod">
            <ac:chgData name="Alan Wai Hou Lio" userId="4e2e7dda-a9a8-4e9f-8daf-fb8d3a66df36" providerId="ADAL" clId="{65674BCC-BC5D-4491-9E1A-E700DDE5ED59}" dt="2021-06-02T09:48:53.651" v="388"/>
            <ac:spMkLst>
              <pc:docMk/>
              <pc:sldMasterMk cId="2454702602" sldId="2147483662"/>
              <pc:sldLayoutMk cId="1886374073" sldId="2147483676"/>
              <ac:spMk id="21" creationId="{D358873C-68BF-4E89-B536-B3248F2B25FE}"/>
            </ac:spMkLst>
          </pc:spChg>
          <pc:spChg chg="mod">
            <ac:chgData name="Alan Wai Hou Lio" userId="4e2e7dda-a9a8-4e9f-8daf-fb8d3a66df36" providerId="ADAL" clId="{65674BCC-BC5D-4491-9E1A-E700DDE5ED59}" dt="2021-06-02T09:48:53.651" v="389"/>
            <ac:spMkLst>
              <pc:docMk/>
              <pc:sldMasterMk cId="2454702602" sldId="2147483662"/>
              <pc:sldLayoutMk cId="1886374073" sldId="2147483676"/>
              <ac:spMk id="23" creationId="{69A0E900-1FE2-4CC1-B435-93F3A1189356}"/>
            </ac:spMkLst>
          </pc:spChg>
          <pc:spChg chg="mod">
            <ac:chgData name="Alan Wai Hou Lio" userId="4e2e7dda-a9a8-4e9f-8daf-fb8d3a66df36" providerId="ADAL" clId="{65674BCC-BC5D-4491-9E1A-E700DDE5ED59}" dt="2021-06-02T09:48:53.652" v="390"/>
            <ac:spMkLst>
              <pc:docMk/>
              <pc:sldMasterMk cId="2454702602" sldId="2147483662"/>
              <pc:sldLayoutMk cId="1886374073" sldId="2147483676"/>
              <ac:spMk id="25" creationId="{E094886A-F110-4851-B1DA-8DFC40D509F8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30" v="372" actId="790"/>
          <pc:sldLayoutMkLst>
            <pc:docMk/>
            <pc:sldMasterMk cId="2454702602" sldId="2147483662"/>
            <pc:sldLayoutMk cId="2945711255" sldId="2147483677"/>
          </pc:sldLayoutMkLst>
          <pc:spChg chg="mod">
            <ac:chgData name="Alan Wai Hou Lio" userId="4e2e7dda-a9a8-4e9f-8daf-fb8d3a66df36" providerId="ADAL" clId="{65674BCC-BC5D-4491-9E1A-E700DDE5ED59}" dt="2021-06-02T09:48:53.624" v="369"/>
            <ac:spMkLst>
              <pc:docMk/>
              <pc:sldMasterMk cId="2454702602" sldId="2147483662"/>
              <pc:sldLayoutMk cId="2945711255" sldId="2147483677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24" v="370"/>
            <ac:spMkLst>
              <pc:docMk/>
              <pc:sldMasterMk cId="2454702602" sldId="2147483662"/>
              <pc:sldLayoutMk cId="2945711255" sldId="2147483677"/>
              <ac:spMk id="4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27" v="371" actId="790"/>
            <ac:spMkLst>
              <pc:docMk/>
              <pc:sldMasterMk cId="2454702602" sldId="2147483662"/>
              <pc:sldLayoutMk cId="2945711255" sldId="2147483677"/>
              <ac:spMk id="7" creationId="{02499420-B0E8-4C8A-8C00-E21262271ADD}"/>
            </ac:spMkLst>
          </pc:spChg>
          <pc:spChg chg="mod">
            <ac:chgData name="Alan Wai Hou Lio" userId="4e2e7dda-a9a8-4e9f-8daf-fb8d3a66df36" providerId="ADAL" clId="{65674BCC-BC5D-4491-9E1A-E700DDE5ED59}" dt="2021-06-02T09:48:53.630" v="372" actId="790"/>
            <ac:spMkLst>
              <pc:docMk/>
              <pc:sldMasterMk cId="2454702602" sldId="2147483662"/>
              <pc:sldLayoutMk cId="2945711255" sldId="2147483677"/>
              <ac:spMk id="8" creationId="{E3EE7F0E-E606-41AC-BBBF-B5AECB1112EB}"/>
            </ac:spMkLst>
          </pc:spChg>
          <pc:spChg chg="mod">
            <ac:chgData name="Alan Wai Hou Lio" userId="4e2e7dda-a9a8-4e9f-8daf-fb8d3a66df36" providerId="ADAL" clId="{65674BCC-BC5D-4491-9E1A-E700DDE5ED59}" dt="2021-06-02T09:48:53.623" v="368"/>
            <ac:spMkLst>
              <pc:docMk/>
              <pc:sldMasterMk cId="2454702602" sldId="2147483662"/>
              <pc:sldLayoutMk cId="2945711255" sldId="2147483677"/>
              <ac:spMk id="9" creationId="{5EB1D5E1-0C4E-4A74-BE37-26307F7E2821}"/>
            </ac:spMkLst>
          </pc:spChg>
        </pc:sldLayoutChg>
      </pc:sldMasterChg>
    </pc:docChg>
  </pc:docChgLst>
  <pc:docChgLst>
    <pc:chgData name="Alan Wai Hou Lio" userId="4e2e7dda-a9a8-4e9f-8daf-fb8d3a66df36" providerId="ADAL" clId="{A187811C-1732-45C9-9529-FA7F9D274379}"/>
    <pc:docChg chg="undo custSel addSld delSld modSld sldOrd modMainMaster">
      <pc:chgData name="Alan Wai Hou Lio" userId="4e2e7dda-a9a8-4e9f-8daf-fb8d3a66df36" providerId="ADAL" clId="{A187811C-1732-45C9-9529-FA7F9D274379}" dt="2021-06-15T14:35:22.835" v="12067" actId="20577"/>
      <pc:docMkLst>
        <pc:docMk/>
      </pc:docMkLst>
      <pc:sldChg chg="modSp mod">
        <pc:chgData name="Alan Wai Hou Lio" userId="4e2e7dda-a9a8-4e9f-8daf-fb8d3a66df36" providerId="ADAL" clId="{A187811C-1732-45C9-9529-FA7F9D274379}" dt="2021-06-15T10:35:39.385" v="11467" actId="790"/>
        <pc:sldMkLst>
          <pc:docMk/>
          <pc:sldMk cId="0" sldId="256"/>
        </pc:sldMkLst>
        <pc:spChg chg="mod">
          <ac:chgData name="Alan Wai Hou Lio" userId="4e2e7dda-a9a8-4e9f-8daf-fb8d3a66df36" providerId="ADAL" clId="{A187811C-1732-45C9-9529-FA7F9D274379}" dt="2021-06-15T10:35:39.385" v="11467" actId="790"/>
          <ac:spMkLst>
            <pc:docMk/>
            <pc:sldMk cId="0" sldId="256"/>
            <ac:spMk id="3" creationId="{0013EF6E-BC23-40A0-80D4-1EBE64DCC5D9}"/>
          </ac:spMkLst>
        </pc:spChg>
      </pc:sldChg>
      <pc:sldChg chg="modSp mod">
        <pc:chgData name="Alan Wai Hou Lio" userId="4e2e7dda-a9a8-4e9f-8daf-fb8d3a66df36" providerId="ADAL" clId="{A187811C-1732-45C9-9529-FA7F9D274379}" dt="2021-06-15T10:35:39.407" v="11471" actId="790"/>
        <pc:sldMkLst>
          <pc:docMk/>
          <pc:sldMk cId="2320714135" sldId="260"/>
        </pc:sldMkLst>
        <pc:spChg chg="mod">
          <ac:chgData name="Alan Wai Hou Lio" userId="4e2e7dda-a9a8-4e9f-8daf-fb8d3a66df36" providerId="ADAL" clId="{A187811C-1732-45C9-9529-FA7F9D274379}" dt="2021-06-15T10:35:39.404" v="11470" actId="790"/>
          <ac:spMkLst>
            <pc:docMk/>
            <pc:sldMk cId="2320714135" sldId="260"/>
            <ac:spMk id="3" creationId="{0AA221E4-1851-497D-90EE-984C7112166A}"/>
          </ac:spMkLst>
        </pc:spChg>
        <pc:spChg chg="mod">
          <ac:chgData name="Alan Wai Hou Lio" userId="4e2e7dda-a9a8-4e9f-8daf-fb8d3a66df36" providerId="ADAL" clId="{A187811C-1732-45C9-9529-FA7F9D274379}" dt="2021-06-15T10:35:39.401" v="11468"/>
          <ac:spMkLst>
            <pc:docMk/>
            <pc:sldMk cId="2320714135" sldId="260"/>
            <ac:spMk id="4" creationId="{674358EA-4D5B-461F-997D-DE6729900DE7}"/>
          </ac:spMkLst>
        </pc:spChg>
        <pc:spChg chg="mod">
          <ac:chgData name="Alan Wai Hou Lio" userId="4e2e7dda-a9a8-4e9f-8daf-fb8d3a66df36" providerId="ADAL" clId="{A187811C-1732-45C9-9529-FA7F9D274379}" dt="2021-06-15T10:35:39.402" v="11469"/>
          <ac:spMkLst>
            <pc:docMk/>
            <pc:sldMk cId="2320714135" sldId="260"/>
            <ac:spMk id="5" creationId="{88CE6942-A17C-4247-86C6-41FACF7E90AC}"/>
          </ac:spMkLst>
        </pc:spChg>
        <pc:spChg chg="mod">
          <ac:chgData name="Alan Wai Hou Lio" userId="4e2e7dda-a9a8-4e9f-8daf-fb8d3a66df36" providerId="ADAL" clId="{A187811C-1732-45C9-9529-FA7F9D274379}" dt="2021-06-15T10:35:39.407" v="11471" actId="790"/>
          <ac:spMkLst>
            <pc:docMk/>
            <pc:sldMk cId="2320714135" sldId="260"/>
            <ac:spMk id="8" creationId="{00000000-0000-0000-0000-000000000000}"/>
          </ac:spMkLst>
        </pc:spChg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1116912554" sldId="261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3826915553" sldId="262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1103038777" sldId="263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1067254325" sldId="264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2718484580" sldId="266"/>
        </pc:sldMkLst>
      </pc:sldChg>
      <pc:sldChg chg="addSp delSp modSp add del mod delAnim">
        <pc:chgData name="Alan Wai Hou Lio" userId="4e2e7dda-a9a8-4e9f-8daf-fb8d3a66df36" providerId="ADAL" clId="{A187811C-1732-45C9-9529-FA7F9D274379}" dt="2021-06-15T10:35:39.930" v="11566"/>
        <pc:sldMkLst>
          <pc:docMk/>
          <pc:sldMk cId="2930659116" sldId="267"/>
        </pc:sldMkLst>
        <pc:spChg chg="mod">
          <ac:chgData name="Alan Wai Hou Lio" userId="4e2e7dda-a9a8-4e9f-8daf-fb8d3a66df36" providerId="ADAL" clId="{A187811C-1732-45C9-9529-FA7F9D274379}" dt="2021-06-15T10:35:39.926" v="11565"/>
          <ac:spMkLst>
            <pc:docMk/>
            <pc:sldMk cId="2930659116" sldId="267"/>
            <ac:spMk id="15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1T21:04:30.661" v="5227" actId="478"/>
          <ac:spMkLst>
            <pc:docMk/>
            <pc:sldMk cId="2930659116" sldId="267"/>
            <ac:spMk id="16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30" v="11566"/>
          <ac:spMkLst>
            <pc:docMk/>
            <pc:sldMk cId="2930659116" sldId="267"/>
            <ac:spMk id="17" creationId="{00000000-0000-0000-0000-000000000000}"/>
          </ac:spMkLst>
        </pc:spChg>
        <pc:picChg chg="add mod">
          <ac:chgData name="Alan Wai Hou Lio" userId="4e2e7dda-a9a8-4e9f-8daf-fb8d3a66df36" providerId="ADAL" clId="{A187811C-1732-45C9-9529-FA7F9D274379}" dt="2021-06-11T20:34:43.221" v="5000" actId="14100"/>
          <ac:picMkLst>
            <pc:docMk/>
            <pc:sldMk cId="2930659116" sldId="267"/>
            <ac:picMk id="6" creationId="{94A84912-2F3D-40C0-9FFE-E206735E7D47}"/>
          </ac:picMkLst>
        </pc:picChg>
        <pc:picChg chg="del">
          <ac:chgData name="Alan Wai Hou Lio" userId="4e2e7dda-a9a8-4e9f-8daf-fb8d3a66df36" providerId="ADAL" clId="{A187811C-1732-45C9-9529-FA7F9D274379}" dt="2021-06-11T20:34:28.076" v="4995" actId="478"/>
          <ac:picMkLst>
            <pc:docMk/>
            <pc:sldMk cId="2930659116" sldId="267"/>
            <ac:picMk id="20" creationId="{00000000-0000-0000-0000-000000000000}"/>
          </ac:picMkLst>
        </pc:picChg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3175162259" sldId="269"/>
        </pc:sldMkLst>
      </pc:sldChg>
      <pc:sldChg chg="addSp delSp modSp add del mod delAnim modAnim">
        <pc:chgData name="Alan Wai Hou Lio" userId="4e2e7dda-a9a8-4e9f-8daf-fb8d3a66df36" providerId="ADAL" clId="{A187811C-1732-45C9-9529-FA7F9D274379}" dt="2021-06-15T10:35:39.550" v="11497"/>
        <pc:sldMkLst>
          <pc:docMk/>
          <pc:sldMk cId="1524191745" sldId="271"/>
        </pc:sldMkLst>
        <pc:spChg chg="add mod">
          <ac:chgData name="Alan Wai Hou Lio" userId="4e2e7dda-a9a8-4e9f-8daf-fb8d3a66df36" providerId="ADAL" clId="{A187811C-1732-45C9-9529-FA7F9D274379}" dt="2021-06-15T10:35:39.550" v="11497"/>
          <ac:spMkLst>
            <pc:docMk/>
            <pc:sldMk cId="1524191745" sldId="271"/>
            <ac:spMk id="7" creationId="{3036BFB7-81ED-4479-BDF2-180B791EFA6A}"/>
          </ac:spMkLst>
        </pc:spChg>
        <pc:spChg chg="mod">
          <ac:chgData name="Alan Wai Hou Lio" userId="4e2e7dda-a9a8-4e9f-8daf-fb8d3a66df36" providerId="ADAL" clId="{A187811C-1732-45C9-9529-FA7F9D274379}" dt="2021-06-15T10:35:39.523" v="11495"/>
          <ac:spMkLst>
            <pc:docMk/>
            <pc:sldMk cId="1524191745" sldId="271"/>
            <ac:spMk id="17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0T14:26:28.305" v="2871" actId="478"/>
          <ac:spMkLst>
            <pc:docMk/>
            <pc:sldMk cId="1524191745" sldId="271"/>
            <ac:spMk id="19" creationId="{00000000-0000-0000-0000-000000000000}"/>
          </ac:spMkLst>
        </pc:spChg>
        <pc:spChg chg="mod ord topLvl">
          <ac:chgData name="Alan Wai Hou Lio" userId="4e2e7dda-a9a8-4e9f-8daf-fb8d3a66df36" providerId="ADAL" clId="{A187811C-1732-45C9-9529-FA7F9D274379}" dt="2021-06-15T10:35:39.541" v="11496" actId="790"/>
          <ac:spMkLst>
            <pc:docMk/>
            <pc:sldMk cId="1524191745" sldId="271"/>
            <ac:spMk id="22" creationId="{00000000-0000-0000-0000-000000000000}"/>
          </ac:spMkLst>
        </pc:spChg>
        <pc:grpChg chg="add del">
          <ac:chgData name="Alan Wai Hou Lio" userId="4e2e7dda-a9a8-4e9f-8daf-fb8d3a66df36" providerId="ADAL" clId="{A187811C-1732-45C9-9529-FA7F9D274379}" dt="2021-06-10T08:36:51.939" v="247" actId="478"/>
          <ac:grpSpMkLst>
            <pc:docMk/>
            <pc:sldMk cId="1524191745" sldId="271"/>
            <ac:grpSpMk id="20" creationId="{00000000-0000-0000-0000-000000000000}"/>
          </ac:grpSpMkLst>
        </pc:grpChg>
        <pc:picChg chg="add mod">
          <ac:chgData name="Alan Wai Hou Lio" userId="4e2e7dda-a9a8-4e9f-8daf-fb8d3a66df36" providerId="ADAL" clId="{A187811C-1732-45C9-9529-FA7F9D274379}" dt="2021-06-10T08:36:43.552" v="243"/>
          <ac:picMkLst>
            <pc:docMk/>
            <pc:sldMk cId="1524191745" sldId="271"/>
            <ac:picMk id="8" creationId="{D6307B2E-48D9-4617-B753-724AC10766D9}"/>
          </ac:picMkLst>
        </pc:picChg>
        <pc:picChg chg="del topLvl">
          <ac:chgData name="Alan Wai Hou Lio" userId="4e2e7dda-a9a8-4e9f-8daf-fb8d3a66df36" providerId="ADAL" clId="{A187811C-1732-45C9-9529-FA7F9D274379}" dt="2021-06-10T08:36:51.939" v="247" actId="478"/>
          <ac:picMkLst>
            <pc:docMk/>
            <pc:sldMk cId="1524191745" sldId="271"/>
            <ac:picMk id="21" creationId="{00000000-0000-0000-0000-000000000000}"/>
          </ac:picMkLst>
        </pc:picChg>
      </pc:sldChg>
      <pc:sldChg chg="addSp delSp modSp add del mod delAnim modAnim">
        <pc:chgData name="Alan Wai Hou Lio" userId="4e2e7dda-a9a8-4e9f-8daf-fb8d3a66df36" providerId="ADAL" clId="{A187811C-1732-45C9-9529-FA7F9D274379}" dt="2021-06-15T10:35:39.587" v="11507"/>
        <pc:sldMkLst>
          <pc:docMk/>
          <pc:sldMk cId="2094197980" sldId="272"/>
        </pc:sldMkLst>
        <pc:spChg chg="mod">
          <ac:chgData name="Alan Wai Hou Lio" userId="4e2e7dda-a9a8-4e9f-8daf-fb8d3a66df36" providerId="ADAL" clId="{A187811C-1732-45C9-9529-FA7F9D274379}" dt="2021-06-15T10:35:39.552" v="11500"/>
          <ac:spMkLst>
            <pc:docMk/>
            <pc:sldMk cId="2094197980" sldId="272"/>
            <ac:spMk id="2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555" v="11502" actId="790"/>
          <ac:spMkLst>
            <pc:docMk/>
            <pc:sldMk cId="2094197980" sldId="272"/>
            <ac:spMk id="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10:22:50.725" v="995" actId="1076"/>
          <ac:spMkLst>
            <pc:docMk/>
            <pc:sldMk cId="2094197980" sldId="272"/>
            <ac:spMk id="6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5T10:35:39.561" v="11504"/>
          <ac:spMkLst>
            <pc:docMk/>
            <pc:sldMk cId="2094197980" sldId="272"/>
            <ac:spMk id="10" creationId="{5981BB35-DE3A-4845-8261-01CAED10321B}"/>
          </ac:spMkLst>
        </pc:spChg>
        <pc:spChg chg="add mod">
          <ac:chgData name="Alan Wai Hou Lio" userId="4e2e7dda-a9a8-4e9f-8daf-fb8d3a66df36" providerId="ADAL" clId="{A187811C-1732-45C9-9529-FA7F9D274379}" dt="2021-06-15T10:35:39.562" v="11505"/>
          <ac:spMkLst>
            <pc:docMk/>
            <pc:sldMk cId="2094197980" sldId="272"/>
            <ac:spMk id="11" creationId="{F3A7BE58-ADF0-45BA-94EC-3FBA39E47B18}"/>
          </ac:spMkLst>
        </pc:spChg>
        <pc:spChg chg="add mod">
          <ac:chgData name="Alan Wai Hou Lio" userId="4e2e7dda-a9a8-4e9f-8daf-fb8d3a66df36" providerId="ADAL" clId="{A187811C-1732-45C9-9529-FA7F9D274379}" dt="2021-06-15T10:35:39.586" v="11506"/>
          <ac:spMkLst>
            <pc:docMk/>
            <pc:sldMk cId="2094197980" sldId="272"/>
            <ac:spMk id="12" creationId="{059E2647-201B-4E4A-B681-7BE9CB13C9E3}"/>
          </ac:spMkLst>
        </pc:spChg>
        <pc:spChg chg="add del mod">
          <ac:chgData name="Alan Wai Hou Lio" userId="4e2e7dda-a9a8-4e9f-8daf-fb8d3a66df36" providerId="ADAL" clId="{A187811C-1732-45C9-9529-FA7F9D274379}" dt="2021-06-10T13:50:56.428" v="1396" actId="478"/>
          <ac:spMkLst>
            <pc:docMk/>
            <pc:sldMk cId="2094197980" sldId="272"/>
            <ac:spMk id="14" creationId="{7BFCE17A-AF77-44BD-9AAB-C9097D9218C7}"/>
          </ac:spMkLst>
        </pc:spChg>
        <pc:spChg chg="add del mod">
          <ac:chgData name="Alan Wai Hou Lio" userId="4e2e7dda-a9a8-4e9f-8daf-fb8d3a66df36" providerId="ADAL" clId="{A187811C-1732-45C9-9529-FA7F9D274379}" dt="2021-06-10T13:53:13.162" v="1684" actId="21"/>
          <ac:spMkLst>
            <pc:docMk/>
            <pc:sldMk cId="2094197980" sldId="272"/>
            <ac:spMk id="15" creationId="{AC5A08B4-452A-47E1-AE22-465FBD83F86D}"/>
          </ac:spMkLst>
        </pc:spChg>
        <pc:spChg chg="mod">
          <ac:chgData name="Alan Wai Hou Lio" userId="4e2e7dda-a9a8-4e9f-8daf-fb8d3a66df36" providerId="ADAL" clId="{A187811C-1732-45C9-9529-FA7F9D274379}" dt="2021-06-15T10:35:39.550" v="11498"/>
          <ac:spMkLst>
            <pc:docMk/>
            <pc:sldMk cId="2094197980" sldId="272"/>
            <ac:spMk id="17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552" v="11499"/>
          <ac:spMkLst>
            <pc:docMk/>
            <pc:sldMk cId="2094197980" sldId="272"/>
            <ac:spMk id="18" creationId="{00000000-0000-0000-0000-000000000000}"/>
          </ac:spMkLst>
        </pc:spChg>
        <pc:spChg chg="add del mod">
          <ac:chgData name="Alan Wai Hou Lio" userId="4e2e7dda-a9a8-4e9f-8daf-fb8d3a66df36" providerId="ADAL" clId="{A187811C-1732-45C9-9529-FA7F9D274379}" dt="2021-06-10T13:43:27.939" v="1116" actId="478"/>
          <ac:spMkLst>
            <pc:docMk/>
            <pc:sldMk cId="2094197980" sldId="272"/>
            <ac:spMk id="32" creationId="{9254F5A9-6953-42F5-B94E-F8D759172425}"/>
          </ac:spMkLst>
        </pc:spChg>
        <pc:spChg chg="mod">
          <ac:chgData name="Alan Wai Hou Lio" userId="4e2e7dda-a9a8-4e9f-8daf-fb8d3a66df36" providerId="ADAL" clId="{A187811C-1732-45C9-9529-FA7F9D274379}" dt="2021-06-15T10:35:39.553" v="11501"/>
          <ac:spMkLst>
            <pc:docMk/>
            <pc:sldMk cId="2094197980" sldId="272"/>
            <ac:spMk id="35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5T10:35:39.560" v="11503" actId="790"/>
          <ac:spMkLst>
            <pc:docMk/>
            <pc:sldMk cId="2094197980" sldId="272"/>
            <ac:spMk id="36" creationId="{FC4C0E65-881C-4021-A65C-CDE07DEABE92}"/>
          </ac:spMkLst>
        </pc:spChg>
        <pc:spChg chg="add mod">
          <ac:chgData name="Alan Wai Hou Lio" userId="4e2e7dda-a9a8-4e9f-8daf-fb8d3a66df36" providerId="ADAL" clId="{A187811C-1732-45C9-9529-FA7F9D274379}" dt="2021-06-15T10:35:39.587" v="11507"/>
          <ac:spMkLst>
            <pc:docMk/>
            <pc:sldMk cId="2094197980" sldId="272"/>
            <ac:spMk id="37" creationId="{1A9EBA0C-A3A4-49F7-90BD-D6760C1A8E46}"/>
          </ac:spMkLst>
        </pc:spChg>
        <pc:spChg chg="mod">
          <ac:chgData name="Alan Wai Hou Lio" userId="4e2e7dda-a9a8-4e9f-8daf-fb8d3a66df36" providerId="ADAL" clId="{A187811C-1732-45C9-9529-FA7F9D274379}" dt="2021-06-10T08:37:19.058" v="254" actId="1076"/>
          <ac:spMkLst>
            <pc:docMk/>
            <pc:sldMk cId="2094197980" sldId="272"/>
            <ac:spMk id="40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08:37:19.058" v="254" actId="1076"/>
          <ac:spMkLst>
            <pc:docMk/>
            <pc:sldMk cId="2094197980" sldId="272"/>
            <ac:spMk id="41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08:37:19.058" v="254" actId="1076"/>
          <ac:spMkLst>
            <pc:docMk/>
            <pc:sldMk cId="2094197980" sldId="272"/>
            <ac:spMk id="42" creationId="{00000000-0000-0000-0000-000000000000}"/>
          </ac:spMkLst>
        </pc:spChg>
        <pc:grpChg chg="mod">
          <ac:chgData name="Alan Wai Hou Lio" userId="4e2e7dda-a9a8-4e9f-8daf-fb8d3a66df36" providerId="ADAL" clId="{A187811C-1732-45C9-9529-FA7F9D274379}" dt="2021-06-10T10:22:50.725" v="995" actId="1076"/>
          <ac:grpSpMkLst>
            <pc:docMk/>
            <pc:sldMk cId="2094197980" sldId="272"/>
            <ac:grpSpMk id="7" creationId="{00000000-0000-0000-0000-000000000000}"/>
          </ac:grpSpMkLst>
        </pc:grpChg>
        <pc:grpChg chg="del mod">
          <ac:chgData name="Alan Wai Hou Lio" userId="4e2e7dda-a9a8-4e9f-8daf-fb8d3a66df36" providerId="ADAL" clId="{A187811C-1732-45C9-9529-FA7F9D274379}" dt="2021-06-10T13:50:54.549" v="1395" actId="478"/>
          <ac:grpSpMkLst>
            <pc:docMk/>
            <pc:sldMk cId="2094197980" sldId="272"/>
            <ac:grpSpMk id="9" creationId="{00000000-0000-0000-0000-000000000000}"/>
          </ac:grpSpMkLst>
        </pc:grpChg>
        <pc:grpChg chg="del">
          <ac:chgData name="Alan Wai Hou Lio" userId="4e2e7dda-a9a8-4e9f-8daf-fb8d3a66df36" providerId="ADAL" clId="{A187811C-1732-45C9-9529-FA7F9D274379}" dt="2021-06-10T10:20:37.781" v="858" actId="478"/>
          <ac:grpSpMkLst>
            <pc:docMk/>
            <pc:sldMk cId="2094197980" sldId="272"/>
            <ac:grpSpMk id="14" creationId="{00000000-0000-0000-0000-000000000000}"/>
          </ac:grpSpMkLst>
        </pc:grpChg>
        <pc:grpChg chg="del">
          <ac:chgData name="Alan Wai Hou Lio" userId="4e2e7dda-a9a8-4e9f-8daf-fb8d3a66df36" providerId="ADAL" clId="{A187811C-1732-45C9-9529-FA7F9D274379}" dt="2021-06-10T13:53:45.323" v="1705" actId="478"/>
          <ac:grpSpMkLst>
            <pc:docMk/>
            <pc:sldMk cId="2094197980" sldId="272"/>
            <ac:grpSpMk id="21" creationId="{00000000-0000-0000-0000-000000000000}"/>
          </ac:grpSpMkLst>
        </pc:grpChg>
        <pc:grpChg chg="del">
          <ac:chgData name="Alan Wai Hou Lio" userId="4e2e7dda-a9a8-4e9f-8daf-fb8d3a66df36" providerId="ADAL" clId="{A187811C-1732-45C9-9529-FA7F9D274379}" dt="2021-06-10T13:53:47.882" v="1706" actId="478"/>
          <ac:grpSpMkLst>
            <pc:docMk/>
            <pc:sldMk cId="2094197980" sldId="272"/>
            <ac:grpSpMk id="28" creationId="{00000000-0000-0000-0000-000000000000}"/>
          </ac:grpSpMkLst>
        </pc:grpChg>
        <pc:grpChg chg="del mod">
          <ac:chgData name="Alan Wai Hou Lio" userId="4e2e7dda-a9a8-4e9f-8daf-fb8d3a66df36" providerId="ADAL" clId="{A187811C-1732-45C9-9529-FA7F9D274379}" dt="2021-06-10T08:37:21.676" v="255" actId="478"/>
          <ac:grpSpMkLst>
            <pc:docMk/>
            <pc:sldMk cId="2094197980" sldId="272"/>
            <ac:grpSpMk id="38" creationId="{00000000-0000-0000-0000-000000000000}"/>
          </ac:grpSpMkLst>
        </pc:grpChg>
        <pc:picChg chg="mod">
          <ac:chgData name="Alan Wai Hou Lio" userId="4e2e7dda-a9a8-4e9f-8daf-fb8d3a66df36" providerId="ADAL" clId="{A187811C-1732-45C9-9529-FA7F9D274379}" dt="2021-06-10T10:22:50.725" v="995" actId="1076"/>
          <ac:picMkLst>
            <pc:docMk/>
            <pc:sldMk cId="2094197980" sldId="272"/>
            <ac:picMk id="26" creationId="{00000000-0000-0000-0000-000000000000}"/>
          </ac:picMkLst>
        </pc:picChg>
        <pc:picChg chg="del">
          <ac:chgData name="Alan Wai Hou Lio" userId="4e2e7dda-a9a8-4e9f-8daf-fb8d3a66df36" providerId="ADAL" clId="{A187811C-1732-45C9-9529-FA7F9D274379}" dt="2021-06-10T13:49:16.836" v="1377" actId="478"/>
          <ac:picMkLst>
            <pc:docMk/>
            <pc:sldMk cId="2094197980" sldId="272"/>
            <ac:picMk id="31" creationId="{00000000-0000-0000-0000-000000000000}"/>
          </ac:picMkLst>
        </pc:picChg>
        <pc:picChg chg="add mod">
          <ac:chgData name="Alan Wai Hou Lio" userId="4e2e7dda-a9a8-4e9f-8daf-fb8d3a66df36" providerId="ADAL" clId="{A187811C-1732-45C9-9529-FA7F9D274379}" dt="2021-06-10T10:20:38.262" v="859"/>
          <ac:picMkLst>
            <pc:docMk/>
            <pc:sldMk cId="2094197980" sldId="272"/>
            <ac:picMk id="34" creationId="{63ADE5AE-D914-4C3F-A9E3-368496E96026}"/>
          </ac:picMkLst>
        </pc:picChg>
        <pc:picChg chg="mod">
          <ac:chgData name="Alan Wai Hou Lio" userId="4e2e7dda-a9a8-4e9f-8daf-fb8d3a66df36" providerId="ADAL" clId="{A187811C-1732-45C9-9529-FA7F9D274379}" dt="2021-06-10T08:37:19.058" v="254" actId="1076"/>
          <ac:picMkLst>
            <pc:docMk/>
            <pc:sldMk cId="2094197980" sldId="272"/>
            <ac:picMk id="39" creationId="{00000000-0000-0000-0000-000000000000}"/>
          </ac:picMkLst>
        </pc:picChg>
        <pc:picChg chg="mod">
          <ac:chgData name="Alan Wai Hou Lio" userId="4e2e7dda-a9a8-4e9f-8daf-fb8d3a66df36" providerId="ADAL" clId="{A187811C-1732-45C9-9529-FA7F9D274379}" dt="2021-06-10T10:22:50.725" v="995" actId="1076"/>
          <ac:picMkLst>
            <pc:docMk/>
            <pc:sldMk cId="2094197980" sldId="272"/>
            <ac:picMk id="46" creationId="{00000000-0000-0000-0000-000000000000}"/>
          </ac:picMkLst>
        </pc:picChg>
      </pc:sldChg>
      <pc:sldChg chg="addSp delSp modSp add del mod ord delAnim modAnim">
        <pc:chgData name="Alan Wai Hou Lio" userId="4e2e7dda-a9a8-4e9f-8daf-fb8d3a66df36" providerId="ADAL" clId="{A187811C-1732-45C9-9529-FA7F9D274379}" dt="2021-06-15T12:17:32.007" v="11723"/>
        <pc:sldMkLst>
          <pc:docMk/>
          <pc:sldMk cId="1680437870" sldId="273"/>
        </pc:sldMkLst>
        <pc:spChg chg="mod">
          <ac:chgData name="Alan Wai Hou Lio" userId="4e2e7dda-a9a8-4e9f-8daf-fb8d3a66df36" providerId="ADAL" clId="{A187811C-1732-45C9-9529-FA7F9D274379}" dt="2021-06-15T10:35:39.695" v="11526"/>
          <ac:spMkLst>
            <pc:docMk/>
            <pc:sldMk cId="1680437870" sldId="273"/>
            <ac:spMk id="13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698" v="11527"/>
          <ac:spMkLst>
            <pc:docMk/>
            <pc:sldMk cId="1680437870" sldId="273"/>
            <ac:spMk id="1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743" v="11528"/>
          <ac:spMkLst>
            <pc:docMk/>
            <pc:sldMk cId="1680437870" sldId="273"/>
            <ac:spMk id="23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14:48:07.543" v="3119" actId="404"/>
          <ac:spMkLst>
            <pc:docMk/>
            <pc:sldMk cId="1680437870" sldId="273"/>
            <ac:spMk id="26" creationId="{FDF072EB-AF6C-4AFF-AD7B-00AC466D5F02}"/>
          </ac:spMkLst>
        </pc:spChg>
        <pc:spChg chg="mod">
          <ac:chgData name="Alan Wai Hou Lio" userId="4e2e7dda-a9a8-4e9f-8daf-fb8d3a66df36" providerId="ADAL" clId="{A187811C-1732-45C9-9529-FA7F9D274379}" dt="2021-06-10T14:48:07.543" v="3119" actId="404"/>
          <ac:spMkLst>
            <pc:docMk/>
            <pc:sldMk cId="1680437870" sldId="273"/>
            <ac:spMk id="27" creationId="{F0BD229F-D1E4-4968-8F5B-8ACC609696F1}"/>
          </ac:spMkLst>
        </pc:spChg>
        <pc:spChg chg="mod">
          <ac:chgData name="Alan Wai Hou Lio" userId="4e2e7dda-a9a8-4e9f-8daf-fb8d3a66df36" providerId="ADAL" clId="{A187811C-1732-45C9-9529-FA7F9D274379}" dt="2021-06-10T14:48:07.543" v="3119" actId="404"/>
          <ac:spMkLst>
            <pc:docMk/>
            <pc:sldMk cId="1680437870" sldId="273"/>
            <ac:spMk id="28" creationId="{29C01CCD-1226-4934-9ADD-E7A2FE79044D}"/>
          </ac:spMkLst>
        </pc:spChg>
        <pc:spChg chg="add mod">
          <ac:chgData name="Alan Wai Hou Lio" userId="4e2e7dda-a9a8-4e9f-8daf-fb8d3a66df36" providerId="ADAL" clId="{A187811C-1732-45C9-9529-FA7F9D274379}" dt="2021-06-15T10:35:39.751" v="11529"/>
          <ac:spMkLst>
            <pc:docMk/>
            <pc:sldMk cId="1680437870" sldId="273"/>
            <ac:spMk id="29" creationId="{697C54CA-0407-4B2F-A3EE-56CB4A545AE5}"/>
          </ac:spMkLst>
        </pc:spChg>
        <pc:spChg chg="add mod">
          <ac:chgData name="Alan Wai Hou Lio" userId="4e2e7dda-a9a8-4e9f-8daf-fb8d3a66df36" providerId="ADAL" clId="{A187811C-1732-45C9-9529-FA7F9D274379}" dt="2021-06-15T10:35:39.753" v="11530" actId="790"/>
          <ac:spMkLst>
            <pc:docMk/>
            <pc:sldMk cId="1680437870" sldId="273"/>
            <ac:spMk id="31" creationId="{FA91661E-C4F3-48FC-BE65-F374D11415FD}"/>
          </ac:spMkLst>
        </pc:spChg>
        <pc:grpChg chg="del">
          <ac:chgData name="Alan Wai Hou Lio" userId="4e2e7dda-a9a8-4e9f-8daf-fb8d3a66df36" providerId="ADAL" clId="{A187811C-1732-45C9-9529-FA7F9D274379}" dt="2021-06-10T14:47:59.197" v="3110" actId="478"/>
          <ac:grpSpMkLst>
            <pc:docMk/>
            <pc:sldMk cId="1680437870" sldId="273"/>
            <ac:grpSpMk id="15" creationId="{00000000-0000-0000-0000-000000000000}"/>
          </ac:grpSpMkLst>
        </pc:grpChg>
        <pc:grpChg chg="add mod">
          <ac:chgData name="Alan Wai Hou Lio" userId="4e2e7dda-a9a8-4e9f-8daf-fb8d3a66df36" providerId="ADAL" clId="{A187811C-1732-45C9-9529-FA7F9D274379}" dt="2021-06-10T14:48:07.543" v="3119" actId="404"/>
          <ac:grpSpMkLst>
            <pc:docMk/>
            <pc:sldMk cId="1680437870" sldId="273"/>
            <ac:grpSpMk id="24" creationId="{7C4B63FB-8C4A-414F-81BE-5B34D5724D12}"/>
          </ac:grpSpMkLst>
        </pc:grpChg>
        <pc:picChg chg="del">
          <ac:chgData name="Alan Wai Hou Lio" userId="4e2e7dda-a9a8-4e9f-8daf-fb8d3a66df36" providerId="ADAL" clId="{A187811C-1732-45C9-9529-FA7F9D274379}" dt="2021-06-10T14:48:20.824" v="3135" actId="21"/>
          <ac:picMkLst>
            <pc:docMk/>
            <pc:sldMk cId="1680437870" sldId="273"/>
            <ac:picMk id="2" creationId="{00000000-0000-0000-0000-000000000000}"/>
          </ac:picMkLst>
        </pc:picChg>
        <pc:picChg chg="del">
          <ac:chgData name="Alan Wai Hou Lio" userId="4e2e7dda-a9a8-4e9f-8daf-fb8d3a66df36" providerId="ADAL" clId="{A187811C-1732-45C9-9529-FA7F9D274379}" dt="2021-06-10T14:48:20.824" v="3135" actId="21"/>
          <ac:picMkLst>
            <pc:docMk/>
            <pc:sldMk cId="1680437870" sldId="273"/>
            <ac:picMk id="4" creationId="{00000000-0000-0000-0000-000000000000}"/>
          </ac:picMkLst>
        </pc:picChg>
        <pc:picChg chg="del">
          <ac:chgData name="Alan Wai Hou Lio" userId="4e2e7dda-a9a8-4e9f-8daf-fb8d3a66df36" providerId="ADAL" clId="{A187811C-1732-45C9-9529-FA7F9D274379}" dt="2021-06-10T14:48:20.824" v="3135" actId="21"/>
          <ac:picMkLst>
            <pc:docMk/>
            <pc:sldMk cId="1680437870" sldId="273"/>
            <ac:picMk id="5" creationId="{00000000-0000-0000-0000-000000000000}"/>
          </ac:picMkLst>
        </pc:picChg>
        <pc:picChg chg="mod">
          <ac:chgData name="Alan Wai Hou Lio" userId="4e2e7dda-a9a8-4e9f-8daf-fb8d3a66df36" providerId="ADAL" clId="{A187811C-1732-45C9-9529-FA7F9D274379}" dt="2021-06-10T14:48:07.543" v="3119" actId="404"/>
          <ac:picMkLst>
            <pc:docMk/>
            <pc:sldMk cId="1680437870" sldId="273"/>
            <ac:picMk id="25" creationId="{298A64E8-5367-4175-96A0-BFB321B82E07}"/>
          </ac:picMkLst>
        </pc:picChg>
        <pc:cxnChg chg="add mod">
          <ac:chgData name="Alan Wai Hou Lio" userId="4e2e7dda-a9a8-4e9f-8daf-fb8d3a66df36" providerId="ADAL" clId="{A187811C-1732-45C9-9529-FA7F9D274379}" dt="2021-06-10T14:48:06.216" v="3116" actId="404"/>
          <ac:cxnSpMkLst>
            <pc:docMk/>
            <pc:sldMk cId="1680437870" sldId="273"/>
            <ac:cxnSpMk id="30" creationId="{11B80FFA-51EC-4915-BD53-C7F3843864A3}"/>
          </ac:cxnSpMkLst>
        </pc:cxnChg>
      </pc:sldChg>
      <pc:sldChg chg="addSp delSp modSp add del mod ord">
        <pc:chgData name="Alan Wai Hou Lio" userId="4e2e7dda-a9a8-4e9f-8daf-fb8d3a66df36" providerId="ADAL" clId="{A187811C-1732-45C9-9529-FA7F9D274379}" dt="2021-06-15T10:35:39.828" v="11538" actId="790"/>
        <pc:sldMkLst>
          <pc:docMk/>
          <pc:sldMk cId="800289730" sldId="274"/>
        </pc:sldMkLst>
        <pc:spChg chg="add mod">
          <ac:chgData name="Alan Wai Hou Lio" userId="4e2e7dda-a9a8-4e9f-8daf-fb8d3a66df36" providerId="ADAL" clId="{A187811C-1732-45C9-9529-FA7F9D274379}" dt="2021-06-15T10:35:39.828" v="11538" actId="790"/>
          <ac:spMkLst>
            <pc:docMk/>
            <pc:sldMk cId="800289730" sldId="274"/>
            <ac:spMk id="2" creationId="{CE090246-05AF-4C68-A64A-4D1AEDA0AFF1}"/>
          </ac:spMkLst>
        </pc:spChg>
        <pc:spChg chg="mod">
          <ac:chgData name="Alan Wai Hou Lio" userId="4e2e7dda-a9a8-4e9f-8daf-fb8d3a66df36" providerId="ADAL" clId="{A187811C-1732-45C9-9529-FA7F9D274379}" dt="2021-06-15T10:35:39.810" v="11536"/>
          <ac:spMkLst>
            <pc:docMk/>
            <pc:sldMk cId="800289730" sldId="274"/>
            <ac:spMk id="11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819" v="11537" actId="790"/>
          <ac:spMkLst>
            <pc:docMk/>
            <pc:sldMk cId="800289730" sldId="274"/>
            <ac:spMk id="13" creationId="{00000000-0000-0000-0000-000000000000}"/>
          </ac:spMkLst>
        </pc:spChg>
        <pc:cxnChg chg="add del mod">
          <ac:chgData name="Alan Wai Hou Lio" userId="4e2e7dda-a9a8-4e9f-8daf-fb8d3a66df36" providerId="ADAL" clId="{A187811C-1732-45C9-9529-FA7F9D274379}" dt="2021-06-11T11:29:07.471" v="3955" actId="478"/>
          <ac:cxnSpMkLst>
            <pc:docMk/>
            <pc:sldMk cId="800289730" sldId="274"/>
            <ac:cxnSpMk id="4" creationId="{5006CD64-3DDC-4478-826E-3397D77AF86D}"/>
          </ac:cxnSpMkLst>
        </pc:cxnChg>
      </pc:sldChg>
      <pc:sldChg chg="del">
        <pc:chgData name="Alan Wai Hou Lio" userId="4e2e7dda-a9a8-4e9f-8daf-fb8d3a66df36" providerId="ADAL" clId="{A187811C-1732-45C9-9529-FA7F9D274379}" dt="2021-06-10T08:16:18.510" v="6" actId="47"/>
        <pc:sldMkLst>
          <pc:docMk/>
          <pc:sldMk cId="3717669386" sldId="275"/>
        </pc:sldMkLst>
      </pc:sldChg>
      <pc:sldChg chg="del">
        <pc:chgData name="Alan Wai Hou Lio" userId="4e2e7dda-a9a8-4e9f-8daf-fb8d3a66df36" providerId="ADAL" clId="{A187811C-1732-45C9-9529-FA7F9D274379}" dt="2021-06-10T08:15:19.505" v="0" actId="47"/>
        <pc:sldMkLst>
          <pc:docMk/>
          <pc:sldMk cId="2675350158" sldId="276"/>
        </pc:sldMkLst>
      </pc:sldChg>
      <pc:sldChg chg="del">
        <pc:chgData name="Alan Wai Hou Lio" userId="4e2e7dda-a9a8-4e9f-8daf-fb8d3a66df36" providerId="ADAL" clId="{A187811C-1732-45C9-9529-FA7F9D274379}" dt="2021-06-10T08:15:20.860" v="1" actId="47"/>
        <pc:sldMkLst>
          <pc:docMk/>
          <pc:sldMk cId="452599941" sldId="277"/>
        </pc:sldMkLst>
      </pc:sldChg>
      <pc:sldChg chg="modSp add mod">
        <pc:chgData name="Alan Wai Hou Lio" userId="4e2e7dda-a9a8-4e9f-8daf-fb8d3a66df36" providerId="ADAL" clId="{A187811C-1732-45C9-9529-FA7F9D274379}" dt="2021-06-15T10:35:39.936" v="11569"/>
        <pc:sldMkLst>
          <pc:docMk/>
          <pc:sldMk cId="3857689135" sldId="277"/>
        </pc:sldMkLst>
        <pc:spChg chg="mod">
          <ac:chgData name="Alan Wai Hou Lio" userId="4e2e7dda-a9a8-4e9f-8daf-fb8d3a66df36" providerId="ADAL" clId="{A187811C-1732-45C9-9529-FA7F9D274379}" dt="2021-06-15T10:35:39.933" v="11567" actId="790"/>
          <ac:spMkLst>
            <pc:docMk/>
            <pc:sldMk cId="3857689135" sldId="277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34" v="11568"/>
          <ac:spMkLst>
            <pc:docMk/>
            <pc:sldMk cId="3857689135" sldId="277"/>
            <ac:spMk id="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36" v="11569"/>
          <ac:spMkLst>
            <pc:docMk/>
            <pc:sldMk cId="3857689135" sldId="277"/>
            <ac:spMk id="7" creationId="{00000000-0000-0000-0000-000000000000}"/>
          </ac:spMkLst>
        </pc:spChg>
      </pc:sldChg>
      <pc:sldChg chg="addSp modSp add mod modAnim">
        <pc:chgData name="Alan Wai Hou Lio" userId="4e2e7dda-a9a8-4e9f-8daf-fb8d3a66df36" providerId="ADAL" clId="{A187811C-1732-45C9-9529-FA7F9D274379}" dt="2021-06-15T10:35:39.945" v="11572"/>
        <pc:sldMkLst>
          <pc:docMk/>
          <pc:sldMk cId="1305086932" sldId="278"/>
        </pc:sldMkLst>
        <pc:spChg chg="mod">
          <ac:chgData name="Alan Wai Hou Lio" userId="4e2e7dda-a9a8-4e9f-8daf-fb8d3a66df36" providerId="ADAL" clId="{A187811C-1732-45C9-9529-FA7F9D274379}" dt="2021-06-15T10:35:39.938" v="11570" actId="790"/>
          <ac:spMkLst>
            <pc:docMk/>
            <pc:sldMk cId="1305086932" sldId="278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39" v="11571"/>
          <ac:spMkLst>
            <pc:docMk/>
            <pc:sldMk cId="1305086932" sldId="278"/>
            <ac:spMk id="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45" v="11572"/>
          <ac:spMkLst>
            <pc:docMk/>
            <pc:sldMk cId="1305086932" sldId="278"/>
            <ac:spMk id="6" creationId="{00000000-0000-0000-0000-000000000000}"/>
          </ac:spMkLst>
        </pc:spChg>
        <pc:cxnChg chg="add mod">
          <ac:chgData name="Alan Wai Hou Lio" userId="4e2e7dda-a9a8-4e9f-8daf-fb8d3a66df36" providerId="ADAL" clId="{A187811C-1732-45C9-9529-FA7F9D274379}" dt="2021-06-12T15:07:52.570" v="5407" actId="1582"/>
          <ac:cxnSpMkLst>
            <pc:docMk/>
            <pc:sldMk cId="1305086932" sldId="278"/>
            <ac:cxnSpMk id="3" creationId="{E3275FD2-B269-45B5-A900-45280A8107D2}"/>
          </ac:cxnSpMkLst>
        </pc:cxnChg>
        <pc:cxnChg chg="add mod">
          <ac:chgData name="Alan Wai Hou Lio" userId="4e2e7dda-a9a8-4e9f-8daf-fb8d3a66df36" providerId="ADAL" clId="{A187811C-1732-45C9-9529-FA7F9D274379}" dt="2021-06-12T15:07:54.860" v="5409" actId="1076"/>
          <ac:cxnSpMkLst>
            <pc:docMk/>
            <pc:sldMk cId="1305086932" sldId="278"/>
            <ac:cxnSpMk id="13" creationId="{5534E12D-F732-4479-8813-34A671B87932}"/>
          </ac:cxnSpMkLst>
        </pc:cxnChg>
      </pc:sldChg>
      <pc:sldChg chg="del">
        <pc:chgData name="Alan Wai Hou Lio" userId="4e2e7dda-a9a8-4e9f-8daf-fb8d3a66df36" providerId="ADAL" clId="{A187811C-1732-45C9-9529-FA7F9D274379}" dt="2021-06-10T08:15:21.480" v="2" actId="47"/>
        <pc:sldMkLst>
          <pc:docMk/>
          <pc:sldMk cId="2197605132" sldId="278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2911143014" sldId="279"/>
        </pc:sldMkLst>
      </pc:sldChg>
      <pc:sldChg chg="addSp delSp modSp add mod modAnim">
        <pc:chgData name="Alan Wai Hou Lio" userId="4e2e7dda-a9a8-4e9f-8daf-fb8d3a66df36" providerId="ADAL" clId="{A187811C-1732-45C9-9529-FA7F9D274379}" dt="2021-06-15T10:35:39.993" v="11583" actId="790"/>
        <pc:sldMkLst>
          <pc:docMk/>
          <pc:sldMk cId="3237117062" sldId="279"/>
        </pc:sldMkLst>
        <pc:spChg chg="mod">
          <ac:chgData name="Alan Wai Hou Lio" userId="4e2e7dda-a9a8-4e9f-8daf-fb8d3a66df36" providerId="ADAL" clId="{A187811C-1732-45C9-9529-FA7F9D274379}" dt="2021-06-15T10:35:39.948" v="11573" actId="790"/>
          <ac:spMkLst>
            <pc:docMk/>
            <pc:sldMk cId="3237117062" sldId="279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49" v="11574"/>
          <ac:spMkLst>
            <pc:docMk/>
            <pc:sldMk cId="3237117062" sldId="279"/>
            <ac:spMk id="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51" v="11575"/>
          <ac:spMkLst>
            <pc:docMk/>
            <pc:sldMk cId="3237117062" sldId="279"/>
            <ac:spMk id="6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54" v="11576" actId="790"/>
          <ac:spMkLst>
            <pc:docMk/>
            <pc:sldMk cId="3237117062" sldId="279"/>
            <ac:spMk id="8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57" v="11577" actId="790"/>
          <ac:spMkLst>
            <pc:docMk/>
            <pc:sldMk cId="3237117062" sldId="279"/>
            <ac:spMk id="9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60" v="11578" actId="790"/>
          <ac:spMkLst>
            <pc:docMk/>
            <pc:sldMk cId="3237117062" sldId="279"/>
            <ac:spMk id="10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81" v="11579" actId="790"/>
          <ac:spMkLst>
            <pc:docMk/>
            <pc:sldMk cId="3237117062" sldId="279"/>
            <ac:spMk id="11" creationId="{00000000-0000-0000-0000-000000000000}"/>
          </ac:spMkLst>
        </pc:spChg>
        <pc:spChg chg="add del mod">
          <ac:chgData name="Alan Wai Hou Lio" userId="4e2e7dda-a9a8-4e9f-8daf-fb8d3a66df36" providerId="ADAL" clId="{A187811C-1732-45C9-9529-FA7F9D274379}" dt="2021-06-12T15:03:08.038" v="5253"/>
          <ac:spMkLst>
            <pc:docMk/>
            <pc:sldMk cId="3237117062" sldId="279"/>
            <ac:spMk id="13" creationId="{261DB85B-0EDF-431B-BC79-EB6C7BD08842}"/>
          </ac:spMkLst>
        </pc:spChg>
        <pc:spChg chg="add mod">
          <ac:chgData name="Alan Wai Hou Lio" userId="4e2e7dda-a9a8-4e9f-8daf-fb8d3a66df36" providerId="ADAL" clId="{A187811C-1732-45C9-9529-FA7F9D274379}" dt="2021-06-15T10:35:39.983" v="11580" actId="790"/>
          <ac:spMkLst>
            <pc:docMk/>
            <pc:sldMk cId="3237117062" sldId="279"/>
            <ac:spMk id="16" creationId="{F6BAC570-78D1-45CF-98E0-040A9A45404F}"/>
          </ac:spMkLst>
        </pc:spChg>
        <pc:spChg chg="add mod">
          <ac:chgData name="Alan Wai Hou Lio" userId="4e2e7dda-a9a8-4e9f-8daf-fb8d3a66df36" providerId="ADAL" clId="{A187811C-1732-45C9-9529-FA7F9D274379}" dt="2021-06-15T10:35:39.986" v="11581" actId="790"/>
          <ac:spMkLst>
            <pc:docMk/>
            <pc:sldMk cId="3237117062" sldId="279"/>
            <ac:spMk id="19" creationId="{FB50D47B-D97E-472B-9AE7-C0D0812FF9FB}"/>
          </ac:spMkLst>
        </pc:spChg>
        <pc:spChg chg="add mod">
          <ac:chgData name="Alan Wai Hou Lio" userId="4e2e7dda-a9a8-4e9f-8daf-fb8d3a66df36" providerId="ADAL" clId="{A187811C-1732-45C9-9529-FA7F9D274379}" dt="2021-06-15T10:35:39.990" v="11582"/>
          <ac:spMkLst>
            <pc:docMk/>
            <pc:sldMk cId="3237117062" sldId="279"/>
            <ac:spMk id="20" creationId="{B7BF47E2-C0D2-4D7D-95B1-3841E78CE710}"/>
          </ac:spMkLst>
        </pc:spChg>
        <pc:spChg chg="add mod">
          <ac:chgData name="Alan Wai Hou Lio" userId="4e2e7dda-a9a8-4e9f-8daf-fb8d3a66df36" providerId="ADAL" clId="{A187811C-1732-45C9-9529-FA7F9D274379}" dt="2021-06-15T10:35:39.993" v="11583" actId="790"/>
          <ac:spMkLst>
            <pc:docMk/>
            <pc:sldMk cId="3237117062" sldId="279"/>
            <ac:spMk id="21" creationId="{28E06FFB-724E-4890-B56A-D3D61D4C88B1}"/>
          </ac:spMkLst>
        </pc:spChg>
        <pc:picChg chg="add del mod">
          <ac:chgData name="Alan Wai Hou Lio" userId="4e2e7dda-a9a8-4e9f-8daf-fb8d3a66df36" providerId="ADAL" clId="{A187811C-1732-45C9-9529-FA7F9D274379}" dt="2021-06-12T15:06:49.502" v="5396" actId="732"/>
          <ac:picMkLst>
            <pc:docMk/>
            <pc:sldMk cId="3237117062" sldId="279"/>
            <ac:picMk id="7" creationId="{00000000-0000-0000-0000-000000000000}"/>
          </ac:picMkLst>
        </pc:picChg>
        <pc:picChg chg="del mod">
          <ac:chgData name="Alan Wai Hou Lio" userId="4e2e7dda-a9a8-4e9f-8daf-fb8d3a66df36" providerId="ADAL" clId="{A187811C-1732-45C9-9529-FA7F9D274379}" dt="2021-06-12T15:09:59.858" v="5550" actId="21"/>
          <ac:picMkLst>
            <pc:docMk/>
            <pc:sldMk cId="3237117062" sldId="279"/>
            <ac:picMk id="12" creationId="{00000000-0000-0000-0000-000000000000}"/>
          </ac:picMkLst>
        </pc:picChg>
        <pc:picChg chg="add mod">
          <ac:chgData name="Alan Wai Hou Lio" userId="4e2e7dda-a9a8-4e9f-8daf-fb8d3a66df36" providerId="ADAL" clId="{A187811C-1732-45C9-9529-FA7F9D274379}" dt="2021-06-12T15:03:48.371" v="5317" actId="1076"/>
          <ac:picMkLst>
            <pc:docMk/>
            <pc:sldMk cId="3237117062" sldId="279"/>
            <ac:picMk id="14" creationId="{9BCB3B07-C29D-4384-A38B-D6B3EEC03F71}"/>
          </ac:picMkLst>
        </pc:picChg>
        <pc:cxnChg chg="add mod">
          <ac:chgData name="Alan Wai Hou Lio" userId="4e2e7dda-a9a8-4e9f-8daf-fb8d3a66df36" providerId="ADAL" clId="{A187811C-1732-45C9-9529-FA7F9D274379}" dt="2021-06-12T15:04:23.117" v="5324" actId="14100"/>
          <ac:cxnSpMkLst>
            <pc:docMk/>
            <pc:sldMk cId="3237117062" sldId="279"/>
            <ac:cxnSpMk id="3" creationId="{033D8C38-A85C-4076-9CE3-539498A01E7C}"/>
          </ac:cxnSpMkLst>
        </pc:cxnChg>
        <pc:cxnChg chg="add mod">
          <ac:chgData name="Alan Wai Hou Lio" userId="4e2e7dda-a9a8-4e9f-8daf-fb8d3a66df36" providerId="ADAL" clId="{A187811C-1732-45C9-9529-FA7F9D274379}" dt="2021-06-12T15:06:59.393" v="5400" actId="1076"/>
          <ac:cxnSpMkLst>
            <pc:docMk/>
            <pc:sldMk cId="3237117062" sldId="279"/>
            <ac:cxnSpMk id="17" creationId="{22108858-5FFF-4DC5-916E-5A21134D4438}"/>
          </ac:cxnSpMkLst>
        </pc:cxnChg>
      </pc:sldChg>
      <pc:sldChg chg="addSp delSp modSp add mod ord modAnim">
        <pc:chgData name="Alan Wai Hou Lio" userId="4e2e7dda-a9a8-4e9f-8daf-fb8d3a66df36" providerId="ADAL" clId="{A187811C-1732-45C9-9529-FA7F9D274379}" dt="2021-06-15T10:35:40.404" v="11650" actId="790"/>
        <pc:sldMkLst>
          <pc:docMk/>
          <pc:sldMk cId="2236396844" sldId="280"/>
        </pc:sldMkLst>
        <pc:spChg chg="mod">
          <ac:chgData name="Alan Wai Hou Lio" userId="4e2e7dda-a9a8-4e9f-8daf-fb8d3a66df36" providerId="ADAL" clId="{A187811C-1732-45C9-9529-FA7F9D274379}" dt="2021-06-15T10:35:40.397" v="11647" actId="790"/>
          <ac:spMkLst>
            <pc:docMk/>
            <pc:sldMk cId="2236396844" sldId="280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397" v="11648"/>
          <ac:spMkLst>
            <pc:docMk/>
            <pc:sldMk cId="2236396844" sldId="280"/>
            <ac:spMk id="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399" v="11649"/>
          <ac:spMkLst>
            <pc:docMk/>
            <pc:sldMk cId="2236396844" sldId="280"/>
            <ac:spMk id="6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404" v="11650" actId="790"/>
          <ac:spMkLst>
            <pc:docMk/>
            <pc:sldMk cId="2236396844" sldId="280"/>
            <ac:spMk id="7" creationId="{00000000-0000-0000-0000-000000000000}"/>
          </ac:spMkLst>
        </pc:spChg>
        <pc:picChg chg="del">
          <ac:chgData name="Alan Wai Hou Lio" userId="4e2e7dda-a9a8-4e9f-8daf-fb8d3a66df36" providerId="ADAL" clId="{A187811C-1732-45C9-9529-FA7F9D274379}" dt="2021-06-15T08:19:15.031" v="11462" actId="478"/>
          <ac:picMkLst>
            <pc:docMk/>
            <pc:sldMk cId="2236396844" sldId="280"/>
            <ac:picMk id="8" creationId="{00000000-0000-0000-0000-000000000000}"/>
          </ac:picMkLst>
        </pc:picChg>
        <pc:picChg chg="add mod">
          <ac:chgData name="Alan Wai Hou Lio" userId="4e2e7dda-a9a8-4e9f-8daf-fb8d3a66df36" providerId="ADAL" clId="{A187811C-1732-45C9-9529-FA7F9D274379}" dt="2021-06-15T08:19:15.382" v="11463"/>
          <ac:picMkLst>
            <pc:docMk/>
            <pc:sldMk cId="2236396844" sldId="280"/>
            <ac:picMk id="9" creationId="{040D92FC-25E5-4587-87FC-AB88290FD9A2}"/>
          </ac:picMkLst>
        </pc:picChg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3313816944" sldId="280"/>
        </pc:sldMkLst>
      </pc:sldChg>
      <pc:sldChg chg="addSp delSp modSp add mod delAnim modAnim">
        <pc:chgData name="Alan Wai Hou Lio" userId="4e2e7dda-a9a8-4e9f-8daf-fb8d3a66df36" providerId="ADAL" clId="{A187811C-1732-45C9-9529-FA7F9D274379}" dt="2021-06-15T14:26:42.285" v="11758" actId="1076"/>
        <pc:sldMkLst>
          <pc:docMk/>
          <pc:sldMk cId="1320446414" sldId="281"/>
        </pc:sldMkLst>
        <pc:spChg chg="add mod">
          <ac:chgData name="Alan Wai Hou Lio" userId="4e2e7dda-a9a8-4e9f-8daf-fb8d3a66df36" providerId="ADAL" clId="{A187811C-1732-45C9-9529-FA7F9D274379}" dt="2021-06-15T10:35:40.092" v="11597" actId="790"/>
          <ac:spMkLst>
            <pc:docMk/>
            <pc:sldMk cId="1320446414" sldId="281"/>
            <ac:spMk id="2" creationId="{4D9372D3-A853-4BB8-AA71-6943FE5BD1EE}"/>
          </ac:spMkLst>
        </pc:spChg>
        <pc:spChg chg="mod">
          <ac:chgData name="Alan Wai Hou Lio" userId="4e2e7dda-a9a8-4e9f-8daf-fb8d3a66df36" providerId="ADAL" clId="{A187811C-1732-45C9-9529-FA7F9D274379}" dt="2021-06-15T10:35:40.048" v="11590" actId="790"/>
          <ac:spMkLst>
            <pc:docMk/>
            <pc:sldMk cId="1320446414" sldId="281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049" v="11591"/>
          <ac:spMkLst>
            <pc:docMk/>
            <pc:sldMk cId="1320446414" sldId="281"/>
            <ac:spMk id="5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5:26:46.439" v="6052" actId="478"/>
          <ac:spMkLst>
            <pc:docMk/>
            <pc:sldMk cId="1320446414" sldId="281"/>
            <ac:spMk id="6" creationId="{00000000-0000-0000-0000-000000000000}"/>
          </ac:spMkLst>
        </pc:spChg>
        <pc:spChg chg="add del mod">
          <ac:chgData name="Alan Wai Hou Lio" userId="4e2e7dda-a9a8-4e9f-8daf-fb8d3a66df36" providerId="ADAL" clId="{A187811C-1732-45C9-9529-FA7F9D274379}" dt="2021-06-12T15:24:46.792" v="5974"/>
          <ac:spMkLst>
            <pc:docMk/>
            <pc:sldMk cId="1320446414" sldId="281"/>
            <ac:spMk id="8" creationId="{5A0BAC7D-37F0-43E8-973A-E3D242596805}"/>
          </ac:spMkLst>
        </pc:spChg>
        <pc:spChg chg="add del mod">
          <ac:chgData name="Alan Wai Hou Lio" userId="4e2e7dda-a9a8-4e9f-8daf-fb8d3a66df36" providerId="ADAL" clId="{A187811C-1732-45C9-9529-FA7F9D274379}" dt="2021-06-12T15:29:12.799" v="6320"/>
          <ac:spMkLst>
            <pc:docMk/>
            <pc:sldMk cId="1320446414" sldId="281"/>
            <ac:spMk id="9" creationId="{AC569C25-F5F1-4D70-9A84-F92603463166}"/>
          </ac:spMkLst>
        </pc:spChg>
        <pc:spChg chg="add mod">
          <ac:chgData name="Alan Wai Hou Lio" userId="4e2e7dda-a9a8-4e9f-8daf-fb8d3a66df36" providerId="ADAL" clId="{A187811C-1732-45C9-9529-FA7F9D274379}" dt="2021-06-15T10:35:40.118" v="11601"/>
          <ac:spMkLst>
            <pc:docMk/>
            <pc:sldMk cId="1320446414" sldId="281"/>
            <ac:spMk id="10" creationId="{A315A5C2-2662-4FCE-8385-B6E06BCCC54A}"/>
          </ac:spMkLst>
        </pc:spChg>
        <pc:spChg chg="add del mod">
          <ac:chgData name="Alan Wai Hou Lio" userId="4e2e7dda-a9a8-4e9f-8daf-fb8d3a66df36" providerId="ADAL" clId="{A187811C-1732-45C9-9529-FA7F9D274379}" dt="2021-06-12T15:26:48.095" v="6053" actId="478"/>
          <ac:spMkLst>
            <pc:docMk/>
            <pc:sldMk cId="1320446414" sldId="281"/>
            <ac:spMk id="11" creationId="{5026DBC7-6F6C-4E08-8229-5CCE63AF1B76}"/>
          </ac:spMkLst>
        </pc:spChg>
        <pc:spChg chg="del mod">
          <ac:chgData name="Alan Wai Hou Lio" userId="4e2e7dda-a9a8-4e9f-8daf-fb8d3a66df36" providerId="ADAL" clId="{A187811C-1732-45C9-9529-FA7F9D274379}" dt="2021-06-12T15:26:39.429" v="6046" actId="478"/>
          <ac:spMkLst>
            <pc:docMk/>
            <pc:sldMk cId="1320446414" sldId="281"/>
            <ac:spMk id="12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5:26:39.429" v="6046" actId="478"/>
          <ac:spMkLst>
            <pc:docMk/>
            <pc:sldMk cId="1320446414" sldId="281"/>
            <ac:spMk id="13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5:26:41.554" v="6048" actId="478"/>
          <ac:spMkLst>
            <pc:docMk/>
            <pc:sldMk cId="1320446414" sldId="281"/>
            <ac:spMk id="14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5:26:44.795" v="6051" actId="478"/>
          <ac:spMkLst>
            <pc:docMk/>
            <pc:sldMk cId="1320446414" sldId="281"/>
            <ac:spMk id="17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5:26:43.575" v="6050" actId="478"/>
          <ac:spMkLst>
            <pc:docMk/>
            <pc:sldMk cId="1320446414" sldId="281"/>
            <ac:spMk id="18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5T10:35:40.077" v="11592"/>
          <ac:spMkLst>
            <pc:docMk/>
            <pc:sldMk cId="1320446414" sldId="281"/>
            <ac:spMk id="20" creationId="{B0AC36F5-04A6-4677-80CF-137F77D94B72}"/>
          </ac:spMkLst>
        </pc:spChg>
        <pc:spChg chg="add del mod">
          <ac:chgData name="Alan Wai Hou Lio" userId="4e2e7dda-a9a8-4e9f-8daf-fb8d3a66df36" providerId="ADAL" clId="{A187811C-1732-45C9-9529-FA7F9D274379}" dt="2021-06-12T15:22:19.540" v="5939"/>
          <ac:spMkLst>
            <pc:docMk/>
            <pc:sldMk cId="1320446414" sldId="281"/>
            <ac:spMk id="22" creationId="{6AE0F3AC-F1E1-4346-B4A8-5387750D70F3}"/>
          </ac:spMkLst>
        </pc:spChg>
        <pc:spChg chg="add mod">
          <ac:chgData name="Alan Wai Hou Lio" userId="4e2e7dda-a9a8-4e9f-8daf-fb8d3a66df36" providerId="ADAL" clId="{A187811C-1732-45C9-9529-FA7F9D274379}" dt="2021-06-15T10:35:40.081" v="11593" actId="790"/>
          <ac:spMkLst>
            <pc:docMk/>
            <pc:sldMk cId="1320446414" sldId="281"/>
            <ac:spMk id="23" creationId="{7F21954A-1565-40CE-8E63-9A4A186979DA}"/>
          </ac:spMkLst>
        </pc:spChg>
        <pc:spChg chg="add mod">
          <ac:chgData name="Alan Wai Hou Lio" userId="4e2e7dda-a9a8-4e9f-8daf-fb8d3a66df36" providerId="ADAL" clId="{A187811C-1732-45C9-9529-FA7F9D274379}" dt="2021-06-15T10:35:40.083" v="11594" actId="790"/>
          <ac:spMkLst>
            <pc:docMk/>
            <pc:sldMk cId="1320446414" sldId="281"/>
            <ac:spMk id="24" creationId="{E34A80A4-B29A-467A-B379-879B5EAEABF8}"/>
          </ac:spMkLst>
        </pc:spChg>
        <pc:spChg chg="add mod">
          <ac:chgData name="Alan Wai Hou Lio" userId="4e2e7dda-a9a8-4e9f-8daf-fb8d3a66df36" providerId="ADAL" clId="{A187811C-1732-45C9-9529-FA7F9D274379}" dt="2021-06-15T10:35:40.086" v="11595" actId="790"/>
          <ac:spMkLst>
            <pc:docMk/>
            <pc:sldMk cId="1320446414" sldId="281"/>
            <ac:spMk id="25" creationId="{6FAE9AD8-BB4E-47DA-8C7E-864084C05756}"/>
          </ac:spMkLst>
        </pc:spChg>
        <pc:spChg chg="add mod">
          <ac:chgData name="Alan Wai Hou Lio" userId="4e2e7dda-a9a8-4e9f-8daf-fb8d3a66df36" providerId="ADAL" clId="{A187811C-1732-45C9-9529-FA7F9D274379}" dt="2021-06-15T10:35:40.089" v="11596" actId="790"/>
          <ac:spMkLst>
            <pc:docMk/>
            <pc:sldMk cId="1320446414" sldId="281"/>
            <ac:spMk id="26" creationId="{0CB6EFC4-5375-4287-AA5B-021F6AC6CA5D}"/>
          </ac:spMkLst>
        </pc:spChg>
        <pc:spChg chg="add mod">
          <ac:chgData name="Alan Wai Hou Lio" userId="4e2e7dda-a9a8-4e9f-8daf-fb8d3a66df36" providerId="ADAL" clId="{A187811C-1732-45C9-9529-FA7F9D274379}" dt="2021-06-15T10:35:40.094" v="11598" actId="790"/>
          <ac:spMkLst>
            <pc:docMk/>
            <pc:sldMk cId="1320446414" sldId="281"/>
            <ac:spMk id="27" creationId="{3E5E8E83-741E-4A76-B412-566BF2401C1C}"/>
          </ac:spMkLst>
        </pc:spChg>
        <pc:spChg chg="add mod ord">
          <ac:chgData name="Alan Wai Hou Lio" userId="4e2e7dda-a9a8-4e9f-8daf-fb8d3a66df36" providerId="ADAL" clId="{A187811C-1732-45C9-9529-FA7F9D274379}" dt="2021-06-15T10:35:40.171" v="11611" actId="790"/>
          <ac:spMkLst>
            <pc:docMk/>
            <pc:sldMk cId="1320446414" sldId="281"/>
            <ac:spMk id="28" creationId="{0DDAB57A-12AB-4A89-9435-8AFAC17EEAE4}"/>
          </ac:spMkLst>
        </pc:spChg>
        <pc:spChg chg="add mod">
          <ac:chgData name="Alan Wai Hou Lio" userId="4e2e7dda-a9a8-4e9f-8daf-fb8d3a66df36" providerId="ADAL" clId="{A187811C-1732-45C9-9529-FA7F9D274379}" dt="2021-06-15T10:35:40.097" v="11599" actId="790"/>
          <ac:spMkLst>
            <pc:docMk/>
            <pc:sldMk cId="1320446414" sldId="281"/>
            <ac:spMk id="29" creationId="{2966E768-E098-443A-BD4B-0435CD708BC2}"/>
          </ac:spMkLst>
        </pc:spChg>
        <pc:spChg chg="add mod">
          <ac:chgData name="Alan Wai Hou Lio" userId="4e2e7dda-a9a8-4e9f-8daf-fb8d3a66df36" providerId="ADAL" clId="{A187811C-1732-45C9-9529-FA7F9D274379}" dt="2021-06-15T10:35:40.100" v="11600" actId="790"/>
          <ac:spMkLst>
            <pc:docMk/>
            <pc:sldMk cId="1320446414" sldId="281"/>
            <ac:spMk id="30" creationId="{914779B7-B9D3-4D97-A632-9085EE056B25}"/>
          </ac:spMkLst>
        </pc:spChg>
        <pc:spChg chg="add mod">
          <ac:chgData name="Alan Wai Hou Lio" userId="4e2e7dda-a9a8-4e9f-8daf-fb8d3a66df36" providerId="ADAL" clId="{A187811C-1732-45C9-9529-FA7F9D274379}" dt="2021-06-15T10:35:40.120" v="11602"/>
          <ac:spMkLst>
            <pc:docMk/>
            <pc:sldMk cId="1320446414" sldId="281"/>
            <ac:spMk id="31" creationId="{1C8B9452-BDD4-4BE5-9DAD-BFDA6B8E3114}"/>
          </ac:spMkLst>
        </pc:spChg>
        <pc:spChg chg="add del mod">
          <ac:chgData name="Alan Wai Hou Lio" userId="4e2e7dda-a9a8-4e9f-8daf-fb8d3a66df36" providerId="ADAL" clId="{A187811C-1732-45C9-9529-FA7F9D274379}" dt="2021-06-12T15:40:16.393" v="6743" actId="478"/>
          <ac:spMkLst>
            <pc:docMk/>
            <pc:sldMk cId="1320446414" sldId="281"/>
            <ac:spMk id="32" creationId="{EBC55AB0-BF61-43C3-A627-9D3A33B2E696}"/>
          </ac:spMkLst>
        </pc:spChg>
        <pc:spChg chg="add del mod">
          <ac:chgData name="Alan Wai Hou Lio" userId="4e2e7dda-a9a8-4e9f-8daf-fb8d3a66df36" providerId="ADAL" clId="{A187811C-1732-45C9-9529-FA7F9D274379}" dt="2021-06-12T15:40:17.736" v="6744" actId="478"/>
          <ac:spMkLst>
            <pc:docMk/>
            <pc:sldMk cId="1320446414" sldId="281"/>
            <ac:spMk id="33" creationId="{B004BE96-7A8F-4135-B0B8-7971D8081F21}"/>
          </ac:spMkLst>
        </pc:spChg>
        <pc:spChg chg="add mod">
          <ac:chgData name="Alan Wai Hou Lio" userId="4e2e7dda-a9a8-4e9f-8daf-fb8d3a66df36" providerId="ADAL" clId="{A187811C-1732-45C9-9529-FA7F9D274379}" dt="2021-06-15T14:26:36.151" v="11757" actId="20577"/>
          <ac:spMkLst>
            <pc:docMk/>
            <pc:sldMk cId="1320446414" sldId="281"/>
            <ac:spMk id="34" creationId="{068084D4-F1BF-4CDE-8C8E-1090E6D815CB}"/>
          </ac:spMkLst>
        </pc:spChg>
        <pc:spChg chg="add mod">
          <ac:chgData name="Alan Wai Hou Lio" userId="4e2e7dda-a9a8-4e9f-8daf-fb8d3a66df36" providerId="ADAL" clId="{A187811C-1732-45C9-9529-FA7F9D274379}" dt="2021-06-15T10:35:40.156" v="11604"/>
          <ac:spMkLst>
            <pc:docMk/>
            <pc:sldMk cId="1320446414" sldId="281"/>
            <ac:spMk id="35" creationId="{FB727049-A567-44F5-8359-8704B316EBF6}"/>
          </ac:spMkLst>
        </pc:spChg>
        <pc:spChg chg="add mod">
          <ac:chgData name="Alan Wai Hou Lio" userId="4e2e7dda-a9a8-4e9f-8daf-fb8d3a66df36" providerId="ADAL" clId="{A187811C-1732-45C9-9529-FA7F9D274379}" dt="2021-06-15T14:26:42.285" v="11758" actId="1076"/>
          <ac:spMkLst>
            <pc:docMk/>
            <pc:sldMk cId="1320446414" sldId="281"/>
            <ac:spMk id="36" creationId="{680584BA-6352-425E-8BEB-9D620E02A231}"/>
          </ac:spMkLst>
        </pc:spChg>
        <pc:spChg chg="add mod">
          <ac:chgData name="Alan Wai Hou Lio" userId="4e2e7dda-a9a8-4e9f-8daf-fb8d3a66df36" providerId="ADAL" clId="{A187811C-1732-45C9-9529-FA7F9D274379}" dt="2021-06-15T10:35:40.163" v="11606" actId="790"/>
          <ac:spMkLst>
            <pc:docMk/>
            <pc:sldMk cId="1320446414" sldId="281"/>
            <ac:spMk id="37" creationId="{E1778652-A3F9-4F50-B32B-8A5FDB8A8C12}"/>
          </ac:spMkLst>
        </pc:spChg>
        <pc:spChg chg="add del mod">
          <ac:chgData name="Alan Wai Hou Lio" userId="4e2e7dda-a9a8-4e9f-8daf-fb8d3a66df36" providerId="ADAL" clId="{A187811C-1732-45C9-9529-FA7F9D274379}" dt="2021-06-12T15:42:31.377" v="6760" actId="478"/>
          <ac:spMkLst>
            <pc:docMk/>
            <pc:sldMk cId="1320446414" sldId="281"/>
            <ac:spMk id="41" creationId="{832E9287-B10A-489F-8E80-4394F66657CC}"/>
          </ac:spMkLst>
        </pc:spChg>
        <pc:spChg chg="add mod">
          <ac:chgData name="Alan Wai Hou Lio" userId="4e2e7dda-a9a8-4e9f-8daf-fb8d3a66df36" providerId="ADAL" clId="{A187811C-1732-45C9-9529-FA7F9D274379}" dt="2021-06-15T10:35:40.163" v="11607"/>
          <ac:spMkLst>
            <pc:docMk/>
            <pc:sldMk cId="1320446414" sldId="281"/>
            <ac:spMk id="48" creationId="{89874A92-1487-4160-B37E-C786825850C2}"/>
          </ac:spMkLst>
        </pc:spChg>
        <pc:spChg chg="add mod">
          <ac:chgData name="Alan Wai Hou Lio" userId="4e2e7dda-a9a8-4e9f-8daf-fb8d3a66df36" providerId="ADAL" clId="{A187811C-1732-45C9-9529-FA7F9D274379}" dt="2021-06-15T10:35:40.164" v="11608"/>
          <ac:spMkLst>
            <pc:docMk/>
            <pc:sldMk cId="1320446414" sldId="281"/>
            <ac:spMk id="49" creationId="{1B044E5C-90A1-40B0-BF3F-15BE5C4119D8}"/>
          </ac:spMkLst>
        </pc:spChg>
        <pc:spChg chg="add mod">
          <ac:chgData name="Alan Wai Hou Lio" userId="4e2e7dda-a9a8-4e9f-8daf-fb8d3a66df36" providerId="ADAL" clId="{A187811C-1732-45C9-9529-FA7F9D274379}" dt="2021-06-15T10:35:40.166" v="11609"/>
          <ac:spMkLst>
            <pc:docMk/>
            <pc:sldMk cId="1320446414" sldId="281"/>
            <ac:spMk id="50" creationId="{52E34BE1-D0CC-4AEB-9B5E-448BD08B41CB}"/>
          </ac:spMkLst>
        </pc:spChg>
        <pc:spChg chg="add mod">
          <ac:chgData name="Alan Wai Hou Lio" userId="4e2e7dda-a9a8-4e9f-8daf-fb8d3a66df36" providerId="ADAL" clId="{A187811C-1732-45C9-9529-FA7F9D274379}" dt="2021-06-15T10:35:40.168" v="11610" actId="790"/>
          <ac:spMkLst>
            <pc:docMk/>
            <pc:sldMk cId="1320446414" sldId="281"/>
            <ac:spMk id="61" creationId="{FC8AB3A3-E2EF-4705-8115-10AB543E296D}"/>
          </ac:spMkLst>
        </pc:spChg>
        <pc:spChg chg="add del mod">
          <ac:chgData name="Alan Wai Hou Lio" userId="4e2e7dda-a9a8-4e9f-8daf-fb8d3a66df36" providerId="ADAL" clId="{A187811C-1732-45C9-9529-FA7F9D274379}" dt="2021-06-12T16:45:53.563" v="8585" actId="478"/>
          <ac:spMkLst>
            <pc:docMk/>
            <pc:sldMk cId="1320446414" sldId="281"/>
            <ac:spMk id="65" creationId="{E12E1165-EE60-44E8-AB32-0C59C54268A1}"/>
          </ac:spMkLst>
        </pc:spChg>
        <pc:spChg chg="add del mod ord">
          <ac:chgData name="Alan Wai Hou Lio" userId="4e2e7dda-a9a8-4e9f-8daf-fb8d3a66df36" providerId="ADAL" clId="{A187811C-1732-45C9-9529-FA7F9D274379}" dt="2021-06-12T16:45:54.714" v="8586" actId="478"/>
          <ac:spMkLst>
            <pc:docMk/>
            <pc:sldMk cId="1320446414" sldId="281"/>
            <ac:spMk id="66" creationId="{14088745-0283-4885-97E0-9107DE205693}"/>
          </ac:spMkLst>
        </pc:spChg>
        <pc:spChg chg="add del mod">
          <ac:chgData name="Alan Wai Hou Lio" userId="4e2e7dda-a9a8-4e9f-8daf-fb8d3a66df36" providerId="ADAL" clId="{A187811C-1732-45C9-9529-FA7F9D274379}" dt="2021-06-12T16:45:55.748" v="8587" actId="478"/>
          <ac:spMkLst>
            <pc:docMk/>
            <pc:sldMk cId="1320446414" sldId="281"/>
            <ac:spMk id="67" creationId="{70CF5BC0-CDCB-4695-8681-11F7547C6C6A}"/>
          </ac:spMkLst>
        </pc:spChg>
        <pc:spChg chg="add del mod ord">
          <ac:chgData name="Alan Wai Hou Lio" userId="4e2e7dda-a9a8-4e9f-8daf-fb8d3a66df36" providerId="ADAL" clId="{A187811C-1732-45C9-9529-FA7F9D274379}" dt="2021-06-12T16:45:57.172" v="8588" actId="478"/>
          <ac:spMkLst>
            <pc:docMk/>
            <pc:sldMk cId="1320446414" sldId="281"/>
            <ac:spMk id="68" creationId="{7842A849-5603-4570-9BF3-8B6A0C60238A}"/>
          </ac:spMkLst>
        </pc:spChg>
        <pc:picChg chg="add del mod">
          <ac:chgData name="Alan Wai Hou Lio" userId="4e2e7dda-a9a8-4e9f-8daf-fb8d3a66df36" providerId="ADAL" clId="{A187811C-1732-45C9-9529-FA7F9D274379}" dt="2021-06-12T16:45:39.674" v="8583" actId="478"/>
          <ac:picMkLst>
            <pc:docMk/>
            <pc:sldMk cId="1320446414" sldId="281"/>
            <ac:picMk id="19" creationId="{2A72ACC2-BE38-4A34-A22B-864F692FC586}"/>
          </ac:picMkLst>
        </pc:picChg>
        <pc:picChg chg="add del mod">
          <ac:chgData name="Alan Wai Hou Lio" userId="4e2e7dda-a9a8-4e9f-8daf-fb8d3a66df36" providerId="ADAL" clId="{A187811C-1732-45C9-9529-FA7F9D274379}" dt="2021-06-12T15:22:19.540" v="5939"/>
          <ac:picMkLst>
            <pc:docMk/>
            <pc:sldMk cId="1320446414" sldId="281"/>
            <ac:picMk id="21" creationId="{CDC26F0A-5752-46DE-A37E-F9FCB9B16778}"/>
          </ac:picMkLst>
        </pc:picChg>
        <pc:cxnChg chg="add mod">
          <ac:chgData name="Alan Wai Hou Lio" userId="4e2e7dda-a9a8-4e9f-8daf-fb8d3a66df36" providerId="ADAL" clId="{A187811C-1732-45C9-9529-FA7F9D274379}" dt="2021-06-12T15:37:32.917" v="6694" actId="1076"/>
          <ac:cxnSpMkLst>
            <pc:docMk/>
            <pc:sldMk cId="1320446414" sldId="281"/>
            <ac:cxnSpMk id="7" creationId="{7C64CE66-AF7A-4E66-946D-82B37FCFEFBB}"/>
          </ac:cxnSpMkLst>
        </pc:cxnChg>
        <pc:cxnChg chg="del mod">
          <ac:chgData name="Alan Wai Hou Lio" userId="4e2e7dda-a9a8-4e9f-8daf-fb8d3a66df36" providerId="ADAL" clId="{A187811C-1732-45C9-9529-FA7F9D274379}" dt="2021-06-12T15:26:39.429" v="6046" actId="478"/>
          <ac:cxnSpMkLst>
            <pc:docMk/>
            <pc:sldMk cId="1320446414" sldId="281"/>
            <ac:cxnSpMk id="15" creationId="{00000000-0000-0000-0000-000000000000}"/>
          </ac:cxnSpMkLst>
        </pc:cxnChg>
        <pc:cxnChg chg="del mod">
          <ac:chgData name="Alan Wai Hou Lio" userId="4e2e7dda-a9a8-4e9f-8daf-fb8d3a66df36" providerId="ADAL" clId="{A187811C-1732-45C9-9529-FA7F9D274379}" dt="2021-06-12T15:26:39.429" v="6046" actId="478"/>
          <ac:cxnSpMkLst>
            <pc:docMk/>
            <pc:sldMk cId="1320446414" sldId="281"/>
            <ac:cxnSpMk id="16" creationId="{00000000-0000-0000-0000-000000000000}"/>
          </ac:cxnSpMkLst>
        </pc:cxnChg>
        <pc:cxnChg chg="add del mod">
          <ac:chgData name="Alan Wai Hou Lio" userId="4e2e7dda-a9a8-4e9f-8daf-fb8d3a66df36" providerId="ADAL" clId="{A187811C-1732-45C9-9529-FA7F9D274379}" dt="2021-06-12T15:42:01.166" v="6750" actId="478"/>
          <ac:cxnSpMkLst>
            <pc:docMk/>
            <pc:sldMk cId="1320446414" sldId="281"/>
            <ac:cxnSpMk id="39" creationId="{04E4BF48-B639-42D8-AACD-BC12655386E6}"/>
          </ac:cxnSpMkLst>
        </pc:cxnChg>
        <pc:cxnChg chg="add mod ord">
          <ac:chgData name="Alan Wai Hou Lio" userId="4e2e7dda-a9a8-4e9f-8daf-fb8d3a66df36" providerId="ADAL" clId="{A187811C-1732-45C9-9529-FA7F9D274379}" dt="2021-06-12T16:46:34.042" v="8598" actId="1076"/>
          <ac:cxnSpMkLst>
            <pc:docMk/>
            <pc:sldMk cId="1320446414" sldId="281"/>
            <ac:cxnSpMk id="43" creationId="{B4840C6C-CA24-481A-95D0-12DB8304D10D}"/>
          </ac:cxnSpMkLst>
        </pc:cxnChg>
        <pc:cxnChg chg="add mod">
          <ac:chgData name="Alan Wai Hou Lio" userId="4e2e7dda-a9a8-4e9f-8daf-fb8d3a66df36" providerId="ADAL" clId="{A187811C-1732-45C9-9529-FA7F9D274379}" dt="2021-06-12T15:42:56.609" v="6769" actId="14100"/>
          <ac:cxnSpMkLst>
            <pc:docMk/>
            <pc:sldMk cId="1320446414" sldId="281"/>
            <ac:cxnSpMk id="45" creationId="{61A6B09F-EC44-4FCF-9D6C-943667DC408D}"/>
          </ac:cxnSpMkLst>
        </pc:cxnChg>
        <pc:cxnChg chg="add mod">
          <ac:chgData name="Alan Wai Hou Lio" userId="4e2e7dda-a9a8-4e9f-8daf-fb8d3a66df36" providerId="ADAL" clId="{A187811C-1732-45C9-9529-FA7F9D274379}" dt="2021-06-12T16:48:24.464" v="8647" actId="1076"/>
          <ac:cxnSpMkLst>
            <pc:docMk/>
            <pc:sldMk cId="1320446414" sldId="281"/>
            <ac:cxnSpMk id="51" creationId="{000D1014-A563-4438-AADA-AB044D1E2615}"/>
          </ac:cxnSpMkLst>
        </pc:cxnChg>
        <pc:cxnChg chg="add mod">
          <ac:chgData name="Alan Wai Hou Lio" userId="4e2e7dda-a9a8-4e9f-8daf-fb8d3a66df36" providerId="ADAL" clId="{A187811C-1732-45C9-9529-FA7F9D274379}" dt="2021-06-12T16:48:30.638" v="8649" actId="14100"/>
          <ac:cxnSpMkLst>
            <pc:docMk/>
            <pc:sldMk cId="1320446414" sldId="281"/>
            <ac:cxnSpMk id="55" creationId="{A247E7C3-724C-40D4-A89D-3517768F92F9}"/>
          </ac:cxnSpMkLst>
        </pc:cxnChg>
        <pc:cxnChg chg="add mod">
          <ac:chgData name="Alan Wai Hou Lio" userId="4e2e7dda-a9a8-4e9f-8daf-fb8d3a66df36" providerId="ADAL" clId="{A187811C-1732-45C9-9529-FA7F9D274379}" dt="2021-06-12T16:47:02.441" v="8610" actId="1076"/>
          <ac:cxnSpMkLst>
            <pc:docMk/>
            <pc:sldMk cId="1320446414" sldId="281"/>
            <ac:cxnSpMk id="63" creationId="{89F9796F-A356-4663-BEB1-FB8F88C5E0DF}"/>
          </ac:cxnSpMkLst>
        </pc:cxnChg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2363521502" sldId="281"/>
        </pc:sldMkLst>
      </pc:sldChg>
      <pc:sldChg chg="addSp delSp modSp add mod modAnim modNotesTx">
        <pc:chgData name="Alan Wai Hou Lio" userId="4e2e7dda-a9a8-4e9f-8daf-fb8d3a66df36" providerId="ADAL" clId="{A187811C-1732-45C9-9529-FA7F9D274379}" dt="2021-06-15T14:35:22.835" v="12067" actId="20577"/>
        <pc:sldMkLst>
          <pc:docMk/>
          <pc:sldMk cId="182662005" sldId="282"/>
        </pc:sldMkLst>
        <pc:spChg chg="add mod">
          <ac:chgData name="Alan Wai Hou Lio" userId="4e2e7dda-a9a8-4e9f-8daf-fb8d3a66df36" providerId="ADAL" clId="{A187811C-1732-45C9-9529-FA7F9D274379}" dt="2021-06-15T10:35:40.181" v="11615" actId="790"/>
          <ac:spMkLst>
            <pc:docMk/>
            <pc:sldMk cId="182662005" sldId="282"/>
            <ac:spMk id="2" creationId="{4DDBA29D-D5A1-461B-834A-C54D0EA868FA}"/>
          </ac:spMkLst>
        </pc:spChg>
        <pc:spChg chg="mod">
          <ac:chgData name="Alan Wai Hou Lio" userId="4e2e7dda-a9a8-4e9f-8daf-fb8d3a66df36" providerId="ADAL" clId="{A187811C-1732-45C9-9529-FA7F9D274379}" dt="2021-06-15T10:35:40.174" v="11612" actId="790"/>
          <ac:spMkLst>
            <pc:docMk/>
            <pc:sldMk cId="182662005" sldId="282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175" v="11613"/>
          <ac:spMkLst>
            <pc:docMk/>
            <pc:sldMk cId="182662005" sldId="282"/>
            <ac:spMk id="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178" v="11614" actId="790"/>
          <ac:spMkLst>
            <pc:docMk/>
            <pc:sldMk cId="182662005" sldId="282"/>
            <ac:spMk id="18" creationId="{00000000-0000-0000-0000-000000000000}"/>
          </ac:spMkLst>
        </pc:spChg>
        <pc:picChg chg="mod">
          <ac:chgData name="Alan Wai Hou Lio" userId="4e2e7dda-a9a8-4e9f-8daf-fb8d3a66df36" providerId="ADAL" clId="{A187811C-1732-45C9-9529-FA7F9D274379}" dt="2021-06-12T16:27:33.818" v="7565" actId="1076"/>
          <ac:picMkLst>
            <pc:docMk/>
            <pc:sldMk cId="182662005" sldId="282"/>
            <ac:picMk id="6" creationId="{00000000-0000-0000-0000-000000000000}"/>
          </ac:picMkLst>
        </pc:picChg>
        <pc:inkChg chg="add del">
          <ac:chgData name="Alan Wai Hou Lio" userId="4e2e7dda-a9a8-4e9f-8daf-fb8d3a66df36" providerId="ADAL" clId="{A187811C-1732-45C9-9529-FA7F9D274379}" dt="2021-06-15T14:25:38.408" v="11741" actId="478"/>
          <ac:inkMkLst>
            <pc:docMk/>
            <pc:sldMk cId="182662005" sldId="282"/>
            <ac:inkMk id="3" creationId="{309806D5-4765-434F-816B-A69B557ABC81}"/>
          </ac:inkMkLst>
        </pc:inkChg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1028795465" sldId="282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1671521121" sldId="283"/>
        </pc:sldMkLst>
      </pc:sldChg>
      <pc:sldChg chg="addSp delSp modSp add mod ord delAnim modAnim">
        <pc:chgData name="Alan Wai Hou Lio" userId="4e2e7dda-a9a8-4e9f-8daf-fb8d3a66df36" providerId="ADAL" clId="{A187811C-1732-45C9-9529-FA7F9D274379}" dt="2021-06-15T14:26:56.925" v="11766" actId="20577"/>
        <pc:sldMkLst>
          <pc:docMk/>
          <pc:sldMk cId="2608797320" sldId="283"/>
        </pc:sldMkLst>
        <pc:spChg chg="add mod">
          <ac:chgData name="Alan Wai Hou Lio" userId="4e2e7dda-a9a8-4e9f-8daf-fb8d3a66df36" providerId="ADAL" clId="{A187811C-1732-45C9-9529-FA7F9D274379}" dt="2021-06-15T10:35:40.290" v="11629"/>
          <ac:spMkLst>
            <pc:docMk/>
            <pc:sldMk cId="2608797320" sldId="283"/>
            <ac:spMk id="2" creationId="{BDD7220F-9A87-429F-9659-7641C581C7FF}"/>
          </ac:spMkLst>
        </pc:spChg>
        <pc:spChg chg="mod">
          <ac:chgData name="Alan Wai Hou Lio" userId="4e2e7dda-a9a8-4e9f-8daf-fb8d3a66df36" providerId="ADAL" clId="{A187811C-1732-45C9-9529-FA7F9D274379}" dt="2021-06-15T10:35:40.229" v="11624" actId="790"/>
          <ac:spMkLst>
            <pc:docMk/>
            <pc:sldMk cId="2608797320" sldId="283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230" v="11625"/>
          <ac:spMkLst>
            <pc:docMk/>
            <pc:sldMk cId="2608797320" sldId="283"/>
            <ac:spMk id="5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5T10:35:40.296" v="11630"/>
          <ac:spMkLst>
            <pc:docMk/>
            <pc:sldMk cId="2608797320" sldId="283"/>
            <ac:spMk id="6" creationId="{920B5909-039C-43EC-B693-C38BA75E80E2}"/>
          </ac:spMkLst>
        </pc:spChg>
        <pc:spChg chg="del">
          <ac:chgData name="Alan Wai Hou Lio" userId="4e2e7dda-a9a8-4e9f-8daf-fb8d3a66df36" providerId="ADAL" clId="{A187811C-1732-45C9-9529-FA7F9D274379}" dt="2021-06-12T16:33:15.502" v="7936" actId="478"/>
          <ac:spMkLst>
            <pc:docMk/>
            <pc:sldMk cId="2608797320" sldId="283"/>
            <ac:spMk id="7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6:33:17.204" v="7938" actId="478"/>
          <ac:spMkLst>
            <pc:docMk/>
            <pc:sldMk cId="2608797320" sldId="283"/>
            <ac:spMk id="8" creationId="{00000000-0000-0000-0000-000000000000}"/>
          </ac:spMkLst>
        </pc:spChg>
        <pc:spChg chg="del">
          <ac:chgData name="Alan Wai Hou Lio" userId="4e2e7dda-a9a8-4e9f-8daf-fb8d3a66df36" providerId="ADAL" clId="{A187811C-1732-45C9-9529-FA7F9D274379}" dt="2021-06-12T16:33:15.502" v="7936" actId="478"/>
          <ac:spMkLst>
            <pc:docMk/>
            <pc:sldMk cId="2608797320" sldId="283"/>
            <ac:spMk id="10" creationId="{00000000-0000-0000-0000-000000000000}"/>
          </ac:spMkLst>
        </pc:spChg>
        <pc:spChg chg="del">
          <ac:chgData name="Alan Wai Hou Lio" userId="4e2e7dda-a9a8-4e9f-8daf-fb8d3a66df36" providerId="ADAL" clId="{A187811C-1732-45C9-9529-FA7F9D274379}" dt="2021-06-12T16:33:15.502" v="7936" actId="478"/>
          <ac:spMkLst>
            <pc:docMk/>
            <pc:sldMk cId="2608797320" sldId="283"/>
            <ac:spMk id="12" creationId="{00000000-0000-0000-0000-000000000000}"/>
          </ac:spMkLst>
        </pc:spChg>
        <pc:spChg chg="del">
          <ac:chgData name="Alan Wai Hou Lio" userId="4e2e7dda-a9a8-4e9f-8daf-fb8d3a66df36" providerId="ADAL" clId="{A187811C-1732-45C9-9529-FA7F9D274379}" dt="2021-06-12T16:33:15.502" v="7936" actId="478"/>
          <ac:spMkLst>
            <pc:docMk/>
            <pc:sldMk cId="2608797320" sldId="283"/>
            <ac:spMk id="1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241" v="11626" actId="790"/>
          <ac:spMkLst>
            <pc:docMk/>
            <pc:sldMk cId="2608797320" sldId="283"/>
            <ac:spMk id="16" creationId="{00000000-0000-0000-0000-000000000000}"/>
          </ac:spMkLst>
        </pc:spChg>
        <pc:spChg chg="del">
          <ac:chgData name="Alan Wai Hou Lio" userId="4e2e7dda-a9a8-4e9f-8daf-fb8d3a66df36" providerId="ADAL" clId="{A187811C-1732-45C9-9529-FA7F9D274379}" dt="2021-06-12T16:39:30.710" v="8372" actId="478"/>
          <ac:spMkLst>
            <pc:docMk/>
            <pc:sldMk cId="2608797320" sldId="283"/>
            <ac:spMk id="18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2T16:40:37.729" v="8408" actId="404"/>
          <ac:spMkLst>
            <pc:docMk/>
            <pc:sldMk cId="2608797320" sldId="283"/>
            <ac:spMk id="19" creationId="{671622F1-C694-463A-9E8F-A299BE1EBC00}"/>
          </ac:spMkLst>
        </pc:spChg>
        <pc:spChg chg="add mod">
          <ac:chgData name="Alan Wai Hou Lio" userId="4e2e7dda-a9a8-4e9f-8daf-fb8d3a66df36" providerId="ADAL" clId="{A187811C-1732-45C9-9529-FA7F9D274379}" dt="2021-06-12T16:40:42.906" v="8409" actId="1076"/>
          <ac:spMkLst>
            <pc:docMk/>
            <pc:sldMk cId="2608797320" sldId="283"/>
            <ac:spMk id="20" creationId="{C28B50B9-09C6-499B-91F8-23B3B5F48C74}"/>
          </ac:spMkLst>
        </pc:spChg>
        <pc:spChg chg="add del mod">
          <ac:chgData name="Alan Wai Hou Lio" userId="4e2e7dda-a9a8-4e9f-8daf-fb8d3a66df36" providerId="ADAL" clId="{A187811C-1732-45C9-9529-FA7F9D274379}" dt="2021-06-12T16:42:49.516" v="8437"/>
          <ac:spMkLst>
            <pc:docMk/>
            <pc:sldMk cId="2608797320" sldId="283"/>
            <ac:spMk id="21" creationId="{BAEF9E31-FC7B-4D0E-A9E5-D12EF3BBEE64}"/>
          </ac:spMkLst>
        </pc:spChg>
        <pc:spChg chg="add del mod">
          <ac:chgData name="Alan Wai Hou Lio" userId="4e2e7dda-a9a8-4e9f-8daf-fb8d3a66df36" providerId="ADAL" clId="{A187811C-1732-45C9-9529-FA7F9D274379}" dt="2021-06-12T16:42:49.516" v="8437"/>
          <ac:spMkLst>
            <pc:docMk/>
            <pc:sldMk cId="2608797320" sldId="283"/>
            <ac:spMk id="22" creationId="{8860E5FC-D237-4953-AB4B-DB5C9C12585D}"/>
          </ac:spMkLst>
        </pc:spChg>
        <pc:spChg chg="add mod">
          <ac:chgData name="Alan Wai Hou Lio" userId="4e2e7dda-a9a8-4e9f-8daf-fb8d3a66df36" providerId="ADAL" clId="{A187811C-1732-45C9-9529-FA7F9D274379}" dt="2021-06-15T14:26:56.925" v="11766" actId="20577"/>
          <ac:spMkLst>
            <pc:docMk/>
            <pc:sldMk cId="2608797320" sldId="283"/>
            <ac:spMk id="23" creationId="{E8CDF0E8-C7DE-4F09-B70A-046432132D08}"/>
          </ac:spMkLst>
        </pc:spChg>
        <pc:spChg chg="add mod">
          <ac:chgData name="Alan Wai Hou Lio" userId="4e2e7dda-a9a8-4e9f-8daf-fb8d3a66df36" providerId="ADAL" clId="{A187811C-1732-45C9-9529-FA7F9D274379}" dt="2021-06-15T10:35:40.280" v="11628"/>
          <ac:spMkLst>
            <pc:docMk/>
            <pc:sldMk cId="2608797320" sldId="283"/>
            <ac:spMk id="24" creationId="{1D7C8550-A206-41A4-9D92-796DD83CE9B0}"/>
          </ac:spMkLst>
        </pc:spChg>
        <pc:grpChg chg="add del mod">
          <ac:chgData name="Alan Wai Hou Lio" userId="4e2e7dda-a9a8-4e9f-8daf-fb8d3a66df36" providerId="ADAL" clId="{A187811C-1732-45C9-9529-FA7F9D274379}" dt="2021-06-12T16:48:54.098" v="8651" actId="478"/>
          <ac:grpSpMkLst>
            <pc:docMk/>
            <pc:sldMk cId="2608797320" sldId="283"/>
            <ac:grpSpMk id="9" creationId="{17274BA0-6405-4D62-95A8-E8059EF9CD3B}"/>
          </ac:grpSpMkLst>
        </pc:grpChg>
        <pc:grpChg chg="del">
          <ac:chgData name="Alan Wai Hou Lio" userId="4e2e7dda-a9a8-4e9f-8daf-fb8d3a66df36" providerId="ADAL" clId="{A187811C-1732-45C9-9529-FA7F9D274379}" dt="2021-06-12T16:33:15.502" v="7936" actId="478"/>
          <ac:grpSpMkLst>
            <pc:docMk/>
            <pc:sldMk cId="2608797320" sldId="283"/>
            <ac:grpSpMk id="17" creationId="{00000000-0000-0000-0000-000000000000}"/>
          </ac:grpSpMkLst>
        </pc:grpChg>
        <pc:picChg chg="add del">
          <ac:chgData name="Alan Wai Hou Lio" userId="4e2e7dda-a9a8-4e9f-8daf-fb8d3a66df36" providerId="ADAL" clId="{A187811C-1732-45C9-9529-FA7F9D274379}" dt="2021-06-12T16:36:46.962" v="7942" actId="478"/>
          <ac:picMkLst>
            <pc:docMk/>
            <pc:sldMk cId="2608797320" sldId="283"/>
            <ac:picMk id="2" creationId="{0371B5D8-DACC-4F5A-AD8E-DF498A346B6A}"/>
          </ac:picMkLst>
        </pc:picChg>
        <pc:picChg chg="add mod">
          <ac:chgData name="Alan Wai Hou Lio" userId="4e2e7dda-a9a8-4e9f-8daf-fb8d3a66df36" providerId="ADAL" clId="{A187811C-1732-45C9-9529-FA7F9D274379}" dt="2021-06-12T16:36:52.411" v="7947" actId="1076"/>
          <ac:picMkLst>
            <pc:docMk/>
            <pc:sldMk cId="2608797320" sldId="283"/>
            <ac:picMk id="3" creationId="{C3309205-A93F-469F-9E69-9F2CF13017E8}"/>
          </ac:picMkLst>
        </pc:picChg>
        <pc:picChg chg="del">
          <ac:chgData name="Alan Wai Hou Lio" userId="4e2e7dda-a9a8-4e9f-8daf-fb8d3a66df36" providerId="ADAL" clId="{A187811C-1732-45C9-9529-FA7F9D274379}" dt="2021-06-12T16:36:48.442" v="7944" actId="478"/>
          <ac:picMkLst>
            <pc:docMk/>
            <pc:sldMk cId="2608797320" sldId="283"/>
            <ac:picMk id="6" creationId="{00000000-0000-0000-0000-000000000000}"/>
          </ac:picMkLst>
        </pc:picChg>
      </pc:sldChg>
      <pc:sldChg chg="modSp add mod modAnim">
        <pc:chgData name="Alan Wai Hou Lio" userId="4e2e7dda-a9a8-4e9f-8daf-fb8d3a66df36" providerId="ADAL" clId="{A187811C-1732-45C9-9529-FA7F9D274379}" dt="2021-06-15T10:35:39.925" v="11564" actId="790"/>
        <pc:sldMkLst>
          <pc:docMk/>
          <pc:sldMk cId="1762743786" sldId="284"/>
        </pc:sldMkLst>
        <pc:spChg chg="mod">
          <ac:chgData name="Alan Wai Hou Lio" userId="4e2e7dda-a9a8-4e9f-8daf-fb8d3a66df36" providerId="ADAL" clId="{A187811C-1732-45C9-9529-FA7F9D274379}" dt="2021-06-15T10:35:39.889" v="11551"/>
          <ac:spMkLst>
            <pc:docMk/>
            <pc:sldMk cId="1762743786" sldId="284"/>
            <ac:spMk id="2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892" v="11552" actId="790"/>
          <ac:spMkLst>
            <pc:docMk/>
            <pc:sldMk cId="1762743786" sldId="284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893" v="11553"/>
          <ac:spMkLst>
            <pc:docMk/>
            <pc:sldMk cId="1762743786" sldId="284"/>
            <ac:spMk id="22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896" v="11554" actId="790"/>
          <ac:spMkLst>
            <pc:docMk/>
            <pc:sldMk cId="1762743786" sldId="284"/>
            <ac:spMk id="26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899" v="11555" actId="790"/>
          <ac:spMkLst>
            <pc:docMk/>
            <pc:sldMk cId="1762743786" sldId="284"/>
            <ac:spMk id="27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02" v="11556" actId="790"/>
          <ac:spMkLst>
            <pc:docMk/>
            <pc:sldMk cId="1762743786" sldId="284"/>
            <ac:spMk id="28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03" v="11557"/>
          <ac:spMkLst>
            <pc:docMk/>
            <pc:sldMk cId="1762743786" sldId="284"/>
            <ac:spMk id="31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06" v="11558" actId="790"/>
          <ac:spMkLst>
            <pc:docMk/>
            <pc:sldMk cId="1762743786" sldId="284"/>
            <ac:spMk id="36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09" v="11559" actId="790"/>
          <ac:spMkLst>
            <pc:docMk/>
            <pc:sldMk cId="1762743786" sldId="284"/>
            <ac:spMk id="37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13" v="11560" actId="790"/>
          <ac:spMkLst>
            <pc:docMk/>
            <pc:sldMk cId="1762743786" sldId="284"/>
            <ac:spMk id="38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16" v="11561" actId="790"/>
          <ac:spMkLst>
            <pc:docMk/>
            <pc:sldMk cId="1762743786" sldId="284"/>
            <ac:spMk id="39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20" v="11562" actId="790"/>
          <ac:spMkLst>
            <pc:docMk/>
            <pc:sldMk cId="1762743786" sldId="284"/>
            <ac:spMk id="40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23" v="11563" actId="790"/>
          <ac:spMkLst>
            <pc:docMk/>
            <pc:sldMk cId="1762743786" sldId="284"/>
            <ac:spMk id="41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925" v="11564" actId="790"/>
          <ac:spMkLst>
            <pc:docMk/>
            <pc:sldMk cId="1762743786" sldId="284"/>
            <ac:spMk id="67" creationId="{00000000-0000-0000-0000-000000000000}"/>
          </ac:spMkLst>
        </pc:spChg>
      </pc:sldChg>
      <pc:sldChg chg="modSp add del mod">
        <pc:chgData name="Alan Wai Hou Lio" userId="4e2e7dda-a9a8-4e9f-8daf-fb8d3a66df36" providerId="ADAL" clId="{A187811C-1732-45C9-9529-FA7F9D274379}" dt="2021-06-12T16:53:09.721" v="8833" actId="2696"/>
        <pc:sldMkLst>
          <pc:docMk/>
          <pc:sldMk cId="2719243787" sldId="284"/>
        </pc:sldMkLst>
        <pc:spChg chg="mod">
          <ac:chgData name="Alan Wai Hou Lio" userId="4e2e7dda-a9a8-4e9f-8daf-fb8d3a66df36" providerId="ADAL" clId="{A187811C-1732-45C9-9529-FA7F9D274379}" dt="2021-06-12T16:53:07.963" v="8832" actId="20577"/>
          <ac:spMkLst>
            <pc:docMk/>
            <pc:sldMk cId="2719243787" sldId="284"/>
            <ac:spMk id="2" creationId="{00000000-0000-0000-0000-000000000000}"/>
          </ac:spMkLst>
        </pc:spChg>
      </pc:sldChg>
      <pc:sldChg chg="modSp add mod modAnim">
        <pc:chgData name="Alan Wai Hou Lio" userId="4e2e7dda-a9a8-4e9f-8daf-fb8d3a66df36" providerId="ADAL" clId="{A187811C-1732-45C9-9529-FA7F9D274379}" dt="2021-06-15T10:35:40.408" v="11653"/>
        <pc:sldMkLst>
          <pc:docMk/>
          <pc:sldMk cId="2481574000" sldId="285"/>
        </pc:sldMkLst>
        <pc:spChg chg="mod">
          <ac:chgData name="Alan Wai Hou Lio" userId="4e2e7dda-a9a8-4e9f-8daf-fb8d3a66df36" providerId="ADAL" clId="{A187811C-1732-45C9-9529-FA7F9D274379}" dt="2021-06-15T10:35:40.407" v="11651" actId="790"/>
          <ac:spMkLst>
            <pc:docMk/>
            <pc:sldMk cId="2481574000" sldId="285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407" v="11652"/>
          <ac:spMkLst>
            <pc:docMk/>
            <pc:sldMk cId="2481574000" sldId="285"/>
            <ac:spMk id="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408" v="11653"/>
          <ac:spMkLst>
            <pc:docMk/>
            <pc:sldMk cId="2481574000" sldId="285"/>
            <ac:spMk id="6" creationId="{00000000-0000-0000-0000-000000000000}"/>
          </ac:spMkLst>
        </pc:spChg>
      </pc:sldChg>
      <pc:sldChg chg="add del">
        <pc:chgData name="Alan Wai Hou Lio" userId="4e2e7dda-a9a8-4e9f-8daf-fb8d3a66df36" providerId="ADAL" clId="{A187811C-1732-45C9-9529-FA7F9D274379}" dt="2021-06-12T16:53:40.699" v="8835" actId="47"/>
        <pc:sldMkLst>
          <pc:docMk/>
          <pc:sldMk cId="1945050771" sldId="286"/>
        </pc:sldMkLst>
      </pc:sldChg>
      <pc:sldChg chg="modSp add mod">
        <pc:chgData name="Alan Wai Hou Lio" userId="4e2e7dda-a9a8-4e9f-8daf-fb8d3a66df36" providerId="ADAL" clId="{A187811C-1732-45C9-9529-FA7F9D274379}" dt="2021-06-15T10:35:39.469" v="11485"/>
        <pc:sldMkLst>
          <pc:docMk/>
          <pc:sldMk cId="293462373" sldId="287"/>
        </pc:sldMkLst>
        <pc:spChg chg="mod">
          <ac:chgData name="Alan Wai Hou Lio" userId="4e2e7dda-a9a8-4e9f-8daf-fb8d3a66df36" providerId="ADAL" clId="{A187811C-1732-45C9-9529-FA7F9D274379}" dt="2021-06-15T10:35:39.467" v="11483" actId="790"/>
          <ac:spMkLst>
            <pc:docMk/>
            <pc:sldMk cId="293462373" sldId="287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468" v="11484"/>
          <ac:spMkLst>
            <pc:docMk/>
            <pc:sldMk cId="293462373" sldId="287"/>
            <ac:spMk id="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469" v="11485"/>
          <ac:spMkLst>
            <pc:docMk/>
            <pc:sldMk cId="293462373" sldId="287"/>
            <ac:spMk id="6" creationId="{00000000-0000-0000-0000-000000000000}"/>
          </ac:spMkLst>
        </pc:spChg>
      </pc:sldChg>
      <pc:sldChg chg="new del">
        <pc:chgData name="Alan Wai Hou Lio" userId="4e2e7dda-a9a8-4e9f-8daf-fb8d3a66df36" providerId="ADAL" clId="{A187811C-1732-45C9-9529-FA7F9D274379}" dt="2021-06-10T08:17:11.508" v="11" actId="680"/>
        <pc:sldMkLst>
          <pc:docMk/>
          <pc:sldMk cId="2180118785" sldId="288"/>
        </pc:sldMkLst>
      </pc:sldChg>
      <pc:sldChg chg="addSp delSp modSp add mod delAnim modAnim">
        <pc:chgData name="Alan Wai Hou Lio" userId="4e2e7dda-a9a8-4e9f-8daf-fb8d3a66df36" providerId="ADAL" clId="{A187811C-1732-45C9-9529-FA7F9D274379}" dt="2021-06-15T10:35:39.458" v="11477"/>
        <pc:sldMkLst>
          <pc:docMk/>
          <pc:sldMk cId="3309060979" sldId="288"/>
        </pc:sldMkLst>
        <pc:spChg chg="mod">
          <ac:chgData name="Alan Wai Hou Lio" userId="4e2e7dda-a9a8-4e9f-8daf-fb8d3a66df36" providerId="ADAL" clId="{A187811C-1732-45C9-9529-FA7F9D274379}" dt="2021-06-15T10:35:39.410" v="11472" actId="790"/>
          <ac:spMkLst>
            <pc:docMk/>
            <pc:sldMk cId="3309060979" sldId="288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412" v="11473"/>
          <ac:spMkLst>
            <pc:docMk/>
            <pc:sldMk cId="3309060979" sldId="288"/>
            <ac:spMk id="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39.412" v="11474"/>
          <ac:spMkLst>
            <pc:docMk/>
            <pc:sldMk cId="3309060979" sldId="288"/>
            <ac:spMk id="6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08:24:27.159" v="232" actId="1076"/>
          <ac:spMkLst>
            <pc:docMk/>
            <pc:sldMk cId="3309060979" sldId="288"/>
            <ac:spMk id="9" creationId="{160258F1-1E35-4F6A-B10D-ED64A3D5E3BB}"/>
          </ac:spMkLst>
        </pc:spChg>
        <pc:spChg chg="mod">
          <ac:chgData name="Alan Wai Hou Lio" userId="4e2e7dda-a9a8-4e9f-8daf-fb8d3a66df36" providerId="ADAL" clId="{A187811C-1732-45C9-9529-FA7F9D274379}" dt="2021-06-10T08:24:27.159" v="232" actId="1076"/>
          <ac:spMkLst>
            <pc:docMk/>
            <pc:sldMk cId="3309060979" sldId="288"/>
            <ac:spMk id="10" creationId="{08C2E04B-EADE-4601-B881-0AFBE9F2E053}"/>
          </ac:spMkLst>
        </pc:spChg>
        <pc:spChg chg="mod">
          <ac:chgData name="Alan Wai Hou Lio" userId="4e2e7dda-a9a8-4e9f-8daf-fb8d3a66df36" providerId="ADAL" clId="{A187811C-1732-45C9-9529-FA7F9D274379}" dt="2021-06-10T08:24:27.159" v="232" actId="1076"/>
          <ac:spMkLst>
            <pc:docMk/>
            <pc:sldMk cId="3309060979" sldId="288"/>
            <ac:spMk id="11" creationId="{C66338FE-8AF5-4C3A-8A79-04FFA9D4C1CC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3" creationId="{0C62243C-855E-4A5E-84A4-B156E5B12513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4" creationId="{732B8849-95AD-4D04-BE8B-16BCECF56835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5" creationId="{046C7617-1EE1-4280-A42D-BDAD282C1728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6" creationId="{6EADFACF-82FB-4731-84BA-9F05C1E8FFA9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7" creationId="{E5959388-A5F2-436E-83B3-EC0EF402BF88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8" creationId="{9F776636-86C0-497C-9399-6942DABD98B8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9" creationId="{C477222C-98A1-4538-9980-31C76D740332}"/>
          </ac:spMkLst>
        </pc:spChg>
        <pc:spChg chg="add mod">
          <ac:chgData name="Alan Wai Hou Lio" userId="4e2e7dda-a9a8-4e9f-8daf-fb8d3a66df36" providerId="ADAL" clId="{A187811C-1732-45C9-9529-FA7F9D274379}" dt="2021-06-15T08:11:59.082" v="11361" actId="14100"/>
          <ac:spMkLst>
            <pc:docMk/>
            <pc:sldMk cId="3309060979" sldId="288"/>
            <ac:spMk id="22" creationId="{355770C3-18BF-4DFA-AEC6-32C06F86093A}"/>
          </ac:spMkLst>
        </pc:spChg>
        <pc:spChg chg="add mod">
          <ac:chgData name="Alan Wai Hou Lio" userId="4e2e7dda-a9a8-4e9f-8daf-fb8d3a66df36" providerId="ADAL" clId="{A187811C-1732-45C9-9529-FA7F9D274379}" dt="2021-06-15T08:12:06.501" v="11363" actId="14100"/>
          <ac:spMkLst>
            <pc:docMk/>
            <pc:sldMk cId="3309060979" sldId="288"/>
            <ac:spMk id="23" creationId="{D9577B96-67C4-40DB-AED4-D0D7A3EC21B9}"/>
          </ac:spMkLst>
        </pc:spChg>
        <pc:spChg chg="add mod">
          <ac:chgData name="Alan Wai Hou Lio" userId="4e2e7dda-a9a8-4e9f-8daf-fb8d3a66df36" providerId="ADAL" clId="{A187811C-1732-45C9-9529-FA7F9D274379}" dt="2021-06-10T08:21:51.561" v="87" actId="1076"/>
          <ac:spMkLst>
            <pc:docMk/>
            <pc:sldMk cId="3309060979" sldId="288"/>
            <ac:spMk id="24" creationId="{F4B50730-F1AB-4722-A7BA-894E77259C31}"/>
          </ac:spMkLst>
        </pc:spChg>
        <pc:spChg chg="add mod">
          <ac:chgData name="Alan Wai Hou Lio" userId="4e2e7dda-a9a8-4e9f-8daf-fb8d3a66df36" providerId="ADAL" clId="{A187811C-1732-45C9-9529-FA7F9D274379}" dt="2021-06-10T08:21:51.561" v="87" actId="1076"/>
          <ac:spMkLst>
            <pc:docMk/>
            <pc:sldMk cId="3309060979" sldId="288"/>
            <ac:spMk id="25" creationId="{71638E71-4145-4BB8-95BF-BAB336A402E9}"/>
          </ac:spMkLst>
        </pc:spChg>
        <pc:spChg chg="add mod">
          <ac:chgData name="Alan Wai Hou Lio" userId="4e2e7dda-a9a8-4e9f-8daf-fb8d3a66df36" providerId="ADAL" clId="{A187811C-1732-45C9-9529-FA7F9D274379}" dt="2021-06-10T08:21:51.561" v="87" actId="1076"/>
          <ac:spMkLst>
            <pc:docMk/>
            <pc:sldMk cId="3309060979" sldId="288"/>
            <ac:spMk id="26" creationId="{363ED543-A77D-42F3-9C95-A9D6D3FC3786}"/>
          </ac:spMkLst>
        </pc:spChg>
        <pc:spChg chg="add mod">
          <ac:chgData name="Alan Wai Hou Lio" userId="4e2e7dda-a9a8-4e9f-8daf-fb8d3a66df36" providerId="ADAL" clId="{A187811C-1732-45C9-9529-FA7F9D274379}" dt="2021-06-10T08:21:51.561" v="87" actId="1076"/>
          <ac:spMkLst>
            <pc:docMk/>
            <pc:sldMk cId="3309060979" sldId="288"/>
            <ac:spMk id="27" creationId="{C076075E-4C81-4A69-B0A8-18F802C494A1}"/>
          </ac:spMkLst>
        </pc:spChg>
        <pc:spChg chg="add mod">
          <ac:chgData name="Alan Wai Hou Lio" userId="4e2e7dda-a9a8-4e9f-8daf-fb8d3a66df36" providerId="ADAL" clId="{A187811C-1732-45C9-9529-FA7F9D274379}" dt="2021-06-10T08:21:51.561" v="87" actId="1076"/>
          <ac:spMkLst>
            <pc:docMk/>
            <pc:sldMk cId="3309060979" sldId="288"/>
            <ac:spMk id="28" creationId="{02E52FAD-D137-4CCD-B2EC-DB7277233342}"/>
          </ac:spMkLst>
        </pc:spChg>
        <pc:spChg chg="add del mod">
          <ac:chgData name="Alan Wai Hou Lio" userId="4e2e7dda-a9a8-4e9f-8daf-fb8d3a66df36" providerId="ADAL" clId="{A187811C-1732-45C9-9529-FA7F9D274379}" dt="2021-06-10T08:24:07.088" v="226"/>
          <ac:spMkLst>
            <pc:docMk/>
            <pc:sldMk cId="3309060979" sldId="288"/>
            <ac:spMk id="29" creationId="{1F332562-7079-49A0-8950-0B64D3EC9BF6}"/>
          </ac:spMkLst>
        </pc:spChg>
        <pc:spChg chg="add mod">
          <ac:chgData name="Alan Wai Hou Lio" userId="4e2e7dda-a9a8-4e9f-8daf-fb8d3a66df36" providerId="ADAL" clId="{A187811C-1732-45C9-9529-FA7F9D274379}" dt="2021-06-15T10:35:39.418" v="11475"/>
          <ac:spMkLst>
            <pc:docMk/>
            <pc:sldMk cId="3309060979" sldId="288"/>
            <ac:spMk id="30" creationId="{82E90C57-5AD8-46EF-90A9-ED22147E2593}"/>
          </ac:spMkLst>
        </pc:spChg>
        <pc:spChg chg="add mod">
          <ac:chgData name="Alan Wai Hou Lio" userId="4e2e7dda-a9a8-4e9f-8daf-fb8d3a66df36" providerId="ADAL" clId="{A187811C-1732-45C9-9529-FA7F9D274379}" dt="2021-06-15T10:35:39.442" v="11476"/>
          <ac:spMkLst>
            <pc:docMk/>
            <pc:sldMk cId="3309060979" sldId="288"/>
            <ac:spMk id="31" creationId="{5DA4EFDA-B7D2-4578-BDE5-FCD19A32E05C}"/>
          </ac:spMkLst>
        </pc:spChg>
        <pc:spChg chg="add mod">
          <ac:chgData name="Alan Wai Hou Lio" userId="4e2e7dda-a9a8-4e9f-8daf-fb8d3a66df36" providerId="ADAL" clId="{A187811C-1732-45C9-9529-FA7F9D274379}" dt="2021-06-15T10:35:39.458" v="11477"/>
          <ac:spMkLst>
            <pc:docMk/>
            <pc:sldMk cId="3309060979" sldId="288"/>
            <ac:spMk id="32" creationId="{5E71A62C-DC66-4637-818E-3BE4FCB57B83}"/>
          </ac:spMkLst>
        </pc:spChg>
        <pc:grpChg chg="add mod">
          <ac:chgData name="Alan Wai Hou Lio" userId="4e2e7dda-a9a8-4e9f-8daf-fb8d3a66df36" providerId="ADAL" clId="{A187811C-1732-45C9-9529-FA7F9D274379}" dt="2021-06-10T08:21:51.561" v="87" actId="1076"/>
          <ac:grpSpMkLst>
            <pc:docMk/>
            <pc:sldMk cId="3309060979" sldId="288"/>
            <ac:grpSpMk id="2" creationId="{41D5A2CE-8F6F-4ECD-A45D-8A647B686A76}"/>
          </ac:grpSpMkLst>
        </pc:grpChg>
        <pc:grpChg chg="add mod">
          <ac:chgData name="Alan Wai Hou Lio" userId="4e2e7dda-a9a8-4e9f-8daf-fb8d3a66df36" providerId="ADAL" clId="{A187811C-1732-45C9-9529-FA7F9D274379}" dt="2021-06-10T08:24:27.159" v="232" actId="1076"/>
          <ac:grpSpMkLst>
            <pc:docMk/>
            <pc:sldMk cId="3309060979" sldId="288"/>
            <ac:grpSpMk id="7" creationId="{E9EBD6A6-76AB-47A7-9FAA-E732B21A7728}"/>
          </ac:grpSpMkLst>
        </pc:grpChg>
        <pc:picChg chg="mod">
          <ac:chgData name="Alan Wai Hou Lio" userId="4e2e7dda-a9a8-4e9f-8daf-fb8d3a66df36" providerId="ADAL" clId="{A187811C-1732-45C9-9529-FA7F9D274379}" dt="2021-06-10T08:24:27.159" v="232" actId="1076"/>
          <ac:picMkLst>
            <pc:docMk/>
            <pc:sldMk cId="3309060979" sldId="288"/>
            <ac:picMk id="8" creationId="{09EE5FD1-6B8B-4207-9B1B-636F01550688}"/>
          </ac:picMkLst>
        </pc:picChg>
        <pc:picChg chg="add del mod">
          <ac:chgData name="Alan Wai Hou Lio" userId="4e2e7dda-a9a8-4e9f-8daf-fb8d3a66df36" providerId="ADAL" clId="{A187811C-1732-45C9-9529-FA7F9D274379}" dt="2021-06-10T08:21:09.630" v="73" actId="478"/>
          <ac:picMkLst>
            <pc:docMk/>
            <pc:sldMk cId="3309060979" sldId="288"/>
            <ac:picMk id="12" creationId="{BEF3AF0E-555E-400B-AD54-5EA556672628}"/>
          </ac:picMkLst>
        </pc:picChg>
        <pc:picChg chg="add del mod">
          <ac:chgData name="Alan Wai Hou Lio" userId="4e2e7dda-a9a8-4e9f-8daf-fb8d3a66df36" providerId="ADAL" clId="{A187811C-1732-45C9-9529-FA7F9D274379}" dt="2021-06-10T08:21:15.817" v="76"/>
          <ac:picMkLst>
            <pc:docMk/>
            <pc:sldMk cId="3309060979" sldId="288"/>
            <ac:picMk id="20" creationId="{4E0B8412-8427-4761-96F9-7AF6B0B560C8}"/>
          </ac:picMkLst>
        </pc:picChg>
        <pc:picChg chg="add mod">
          <ac:chgData name="Alan Wai Hou Lio" userId="4e2e7dda-a9a8-4e9f-8daf-fb8d3a66df36" providerId="ADAL" clId="{A187811C-1732-45C9-9529-FA7F9D274379}" dt="2021-06-10T08:21:51.561" v="87" actId="1076"/>
          <ac:picMkLst>
            <pc:docMk/>
            <pc:sldMk cId="3309060979" sldId="288"/>
            <ac:picMk id="21" creationId="{DD407EF0-8280-4E33-BE08-5F9637C00C33}"/>
          </ac:picMkLst>
        </pc:picChg>
      </pc:sldChg>
      <pc:sldChg chg="addSp modSp new mod">
        <pc:chgData name="Alan Wai Hou Lio" userId="4e2e7dda-a9a8-4e9f-8daf-fb8d3a66df36" providerId="ADAL" clId="{A187811C-1732-45C9-9529-FA7F9D274379}" dt="2021-06-15T10:35:39.465" v="11482" actId="790"/>
        <pc:sldMkLst>
          <pc:docMk/>
          <pc:sldMk cId="3035685248" sldId="289"/>
        </pc:sldMkLst>
        <pc:spChg chg="mod">
          <ac:chgData name="Alan Wai Hou Lio" userId="4e2e7dda-a9a8-4e9f-8daf-fb8d3a66df36" providerId="ADAL" clId="{A187811C-1732-45C9-9529-FA7F9D274379}" dt="2021-06-15T10:35:39.459" v="11478"/>
          <ac:spMkLst>
            <pc:docMk/>
            <pc:sldMk cId="3035685248" sldId="289"/>
            <ac:spMk id="2" creationId="{42BC3D92-1D81-4842-BF3B-72D70A3CC3F1}"/>
          </ac:spMkLst>
        </pc:spChg>
        <pc:spChg chg="mod">
          <ac:chgData name="Alan Wai Hou Lio" userId="4e2e7dda-a9a8-4e9f-8daf-fb8d3a66df36" providerId="ADAL" clId="{A187811C-1732-45C9-9529-FA7F9D274379}" dt="2021-06-15T10:35:39.459" v="11479"/>
          <ac:spMkLst>
            <pc:docMk/>
            <pc:sldMk cId="3035685248" sldId="289"/>
            <ac:spMk id="3" creationId="{1C7557AE-5407-4156-8C72-54C2C76A222E}"/>
          </ac:spMkLst>
        </pc:spChg>
        <pc:spChg chg="mod">
          <ac:chgData name="Alan Wai Hou Lio" userId="4e2e7dda-a9a8-4e9f-8daf-fb8d3a66df36" providerId="ADAL" clId="{A187811C-1732-45C9-9529-FA7F9D274379}" dt="2021-06-15T10:35:39.462" v="11480" actId="790"/>
          <ac:spMkLst>
            <pc:docMk/>
            <pc:sldMk cId="3035685248" sldId="289"/>
            <ac:spMk id="4" creationId="{A204E9DD-52DF-4A3C-8DA1-0B0CFADAB5D1}"/>
          </ac:spMkLst>
        </pc:spChg>
        <pc:spChg chg="add mod">
          <ac:chgData name="Alan Wai Hou Lio" userId="4e2e7dda-a9a8-4e9f-8daf-fb8d3a66df36" providerId="ADAL" clId="{A187811C-1732-45C9-9529-FA7F9D274379}" dt="2021-06-15T10:35:39.463" v="11481"/>
          <ac:spMkLst>
            <pc:docMk/>
            <pc:sldMk cId="3035685248" sldId="289"/>
            <ac:spMk id="5" creationId="{1DDA4DF6-5015-4A74-85D3-1312D5532766}"/>
          </ac:spMkLst>
        </pc:spChg>
        <pc:spChg chg="add mod">
          <ac:chgData name="Alan Wai Hou Lio" userId="4e2e7dda-a9a8-4e9f-8daf-fb8d3a66df36" providerId="ADAL" clId="{A187811C-1732-45C9-9529-FA7F9D274379}" dt="2021-06-15T10:35:39.465" v="11482" actId="790"/>
          <ac:spMkLst>
            <pc:docMk/>
            <pc:sldMk cId="3035685248" sldId="289"/>
            <ac:spMk id="6" creationId="{DD008202-63E2-4406-AE6E-58A908573DAF}"/>
          </ac:spMkLst>
        </pc:spChg>
      </pc:sldChg>
      <pc:sldChg chg="addSp delSp modSp new mod ord modAnim">
        <pc:chgData name="Alan Wai Hou Lio" userId="4e2e7dda-a9a8-4e9f-8daf-fb8d3a66df36" providerId="ADAL" clId="{A187811C-1732-45C9-9529-FA7F9D274379}" dt="2021-06-15T10:35:39.522" v="11494"/>
        <pc:sldMkLst>
          <pc:docMk/>
          <pc:sldMk cId="2242257556" sldId="290"/>
        </pc:sldMkLst>
        <pc:spChg chg="mod">
          <ac:chgData name="Alan Wai Hou Lio" userId="4e2e7dda-a9a8-4e9f-8daf-fb8d3a66df36" providerId="ADAL" clId="{A187811C-1732-45C9-9529-FA7F9D274379}" dt="2021-06-15T10:35:39.469" v="11486"/>
          <ac:spMkLst>
            <pc:docMk/>
            <pc:sldMk cId="2242257556" sldId="290"/>
            <ac:spMk id="2" creationId="{79B842A8-AB93-47AB-BCD6-21DF7984178D}"/>
          </ac:spMkLst>
        </pc:spChg>
        <pc:spChg chg="mod">
          <ac:chgData name="Alan Wai Hou Lio" userId="4e2e7dda-a9a8-4e9f-8daf-fb8d3a66df36" providerId="ADAL" clId="{A187811C-1732-45C9-9529-FA7F9D274379}" dt="2021-06-15T10:35:39.470" v="11487"/>
          <ac:spMkLst>
            <pc:docMk/>
            <pc:sldMk cId="2242257556" sldId="290"/>
            <ac:spMk id="3" creationId="{2994C0EA-8299-455B-BA40-46C6546B603A}"/>
          </ac:spMkLst>
        </pc:spChg>
        <pc:spChg chg="mod">
          <ac:chgData name="Alan Wai Hou Lio" userId="4e2e7dda-a9a8-4e9f-8daf-fb8d3a66df36" providerId="ADAL" clId="{A187811C-1732-45C9-9529-FA7F9D274379}" dt="2021-06-15T10:35:39.473" v="11488" actId="790"/>
          <ac:spMkLst>
            <pc:docMk/>
            <pc:sldMk cId="2242257556" sldId="290"/>
            <ac:spMk id="4" creationId="{359B3E32-6293-41D8-A97E-3EA9569DFDDC}"/>
          </ac:spMkLst>
        </pc:spChg>
        <pc:spChg chg="add mod">
          <ac:chgData name="Alan Wai Hou Lio" userId="4e2e7dda-a9a8-4e9f-8daf-fb8d3a66df36" providerId="ADAL" clId="{A187811C-1732-45C9-9529-FA7F9D274379}" dt="2021-06-15T10:35:39.477" v="11489"/>
          <ac:spMkLst>
            <pc:docMk/>
            <pc:sldMk cId="2242257556" sldId="290"/>
            <ac:spMk id="8" creationId="{211218E8-CDD0-42F2-BE73-39FD89C2B8D0}"/>
          </ac:spMkLst>
        </pc:spChg>
        <pc:spChg chg="add del">
          <ac:chgData name="Alan Wai Hou Lio" userId="4e2e7dda-a9a8-4e9f-8daf-fb8d3a66df36" providerId="ADAL" clId="{A187811C-1732-45C9-9529-FA7F9D274379}" dt="2021-06-10T08:53:22.371" v="467"/>
          <ac:spMkLst>
            <pc:docMk/>
            <pc:sldMk cId="2242257556" sldId="290"/>
            <ac:spMk id="9" creationId="{980621E5-4822-4B38-8CE4-0F397D1B173F}"/>
          </ac:spMkLst>
        </pc:spChg>
        <pc:spChg chg="add mod">
          <ac:chgData name="Alan Wai Hou Lio" userId="4e2e7dda-a9a8-4e9f-8daf-fb8d3a66df36" providerId="ADAL" clId="{A187811C-1732-45C9-9529-FA7F9D274379}" dt="2021-06-15T10:35:39.481" v="11490" actId="790"/>
          <ac:spMkLst>
            <pc:docMk/>
            <pc:sldMk cId="2242257556" sldId="290"/>
            <ac:spMk id="10" creationId="{D203F1EE-787A-4D0D-B430-CEACE919D02D}"/>
          </ac:spMkLst>
        </pc:spChg>
        <pc:spChg chg="add del">
          <ac:chgData name="Alan Wai Hou Lio" userId="4e2e7dda-a9a8-4e9f-8daf-fb8d3a66df36" providerId="ADAL" clId="{A187811C-1732-45C9-9529-FA7F9D274379}" dt="2021-06-10T08:53:27.085" v="469"/>
          <ac:spMkLst>
            <pc:docMk/>
            <pc:sldMk cId="2242257556" sldId="290"/>
            <ac:spMk id="12" creationId="{F66D8D71-F705-483B-881C-B45933E3D9A4}"/>
          </ac:spMkLst>
        </pc:spChg>
        <pc:spChg chg="add del">
          <ac:chgData name="Alan Wai Hou Lio" userId="4e2e7dda-a9a8-4e9f-8daf-fb8d3a66df36" providerId="ADAL" clId="{A187811C-1732-45C9-9529-FA7F9D274379}" dt="2021-06-10T08:53:29.502" v="471"/>
          <ac:spMkLst>
            <pc:docMk/>
            <pc:sldMk cId="2242257556" sldId="290"/>
            <ac:spMk id="13" creationId="{DCB1D109-EE7E-4845-A000-E867B036DFA7}"/>
          </ac:spMkLst>
        </pc:spChg>
        <pc:spChg chg="add del mod">
          <ac:chgData name="Alan Wai Hou Lio" userId="4e2e7dda-a9a8-4e9f-8daf-fb8d3a66df36" providerId="ADAL" clId="{A187811C-1732-45C9-9529-FA7F9D274379}" dt="2021-06-10T09:41:17.601" v="506"/>
          <ac:spMkLst>
            <pc:docMk/>
            <pc:sldMk cId="2242257556" sldId="290"/>
            <ac:spMk id="20" creationId="{6A183961-0301-47D3-8B41-E052F6947453}"/>
          </ac:spMkLst>
        </pc:spChg>
        <pc:spChg chg="add mod">
          <ac:chgData name="Alan Wai Hou Lio" userId="4e2e7dda-a9a8-4e9f-8daf-fb8d3a66df36" providerId="ADAL" clId="{A187811C-1732-45C9-9529-FA7F9D274379}" dt="2021-06-15T10:35:39.498" v="11492"/>
          <ac:spMkLst>
            <pc:docMk/>
            <pc:sldMk cId="2242257556" sldId="290"/>
            <ac:spMk id="21" creationId="{A055519E-7A59-4AED-99B1-4DAF2C29FB11}"/>
          </ac:spMkLst>
        </pc:spChg>
        <pc:spChg chg="add mod">
          <ac:chgData name="Alan Wai Hou Lio" userId="4e2e7dda-a9a8-4e9f-8daf-fb8d3a66df36" providerId="ADAL" clId="{A187811C-1732-45C9-9529-FA7F9D274379}" dt="2021-06-15T10:35:39.484" v="11491"/>
          <ac:spMkLst>
            <pc:docMk/>
            <pc:sldMk cId="2242257556" sldId="290"/>
            <ac:spMk id="22" creationId="{4DE04165-3F58-4B44-8750-0BD81C9AF349}"/>
          </ac:spMkLst>
        </pc:spChg>
        <pc:spChg chg="add mod">
          <ac:chgData name="Alan Wai Hou Lio" userId="4e2e7dda-a9a8-4e9f-8daf-fb8d3a66df36" providerId="ADAL" clId="{A187811C-1732-45C9-9529-FA7F9D274379}" dt="2021-06-15T10:35:39.505" v="11493"/>
          <ac:spMkLst>
            <pc:docMk/>
            <pc:sldMk cId="2242257556" sldId="290"/>
            <ac:spMk id="26" creationId="{EC115482-EA67-40B3-8AE5-9C663A168616}"/>
          </ac:spMkLst>
        </pc:spChg>
        <pc:spChg chg="add mod">
          <ac:chgData name="Alan Wai Hou Lio" userId="4e2e7dda-a9a8-4e9f-8daf-fb8d3a66df36" providerId="ADAL" clId="{A187811C-1732-45C9-9529-FA7F9D274379}" dt="2021-06-11T20:53:28.551" v="5120" actId="20577"/>
          <ac:spMkLst>
            <pc:docMk/>
            <pc:sldMk cId="2242257556" sldId="290"/>
            <ac:spMk id="27" creationId="{DA54CBDB-22DD-4808-A908-F1E8AE4C7203}"/>
          </ac:spMkLst>
        </pc:spChg>
        <pc:spChg chg="add mod">
          <ac:chgData name="Alan Wai Hou Lio" userId="4e2e7dda-a9a8-4e9f-8daf-fb8d3a66df36" providerId="ADAL" clId="{A187811C-1732-45C9-9529-FA7F9D274379}" dt="2021-06-11T20:53:28.551" v="5120" actId="20577"/>
          <ac:spMkLst>
            <pc:docMk/>
            <pc:sldMk cId="2242257556" sldId="290"/>
            <ac:spMk id="28" creationId="{2EAD0249-D361-4328-8F98-2DB2CBE2DD2D}"/>
          </ac:spMkLst>
        </pc:spChg>
        <pc:spChg chg="add mod">
          <ac:chgData name="Alan Wai Hou Lio" userId="4e2e7dda-a9a8-4e9f-8daf-fb8d3a66df36" providerId="ADAL" clId="{A187811C-1732-45C9-9529-FA7F9D274379}" dt="2021-06-15T10:35:39.522" v="11494"/>
          <ac:spMkLst>
            <pc:docMk/>
            <pc:sldMk cId="2242257556" sldId="290"/>
            <ac:spMk id="30" creationId="{63B9F823-6427-4610-8757-16799107C9D4}"/>
          </ac:spMkLst>
        </pc:spChg>
        <pc:grpChg chg="add mod">
          <ac:chgData name="Alan Wai Hou Lio" userId="4e2e7dda-a9a8-4e9f-8daf-fb8d3a66df36" providerId="ADAL" clId="{A187811C-1732-45C9-9529-FA7F9D274379}" dt="2021-06-11T20:53:28.551" v="5120" actId="20577"/>
          <ac:grpSpMkLst>
            <pc:docMk/>
            <pc:sldMk cId="2242257556" sldId="290"/>
            <ac:grpSpMk id="5" creationId="{B95B32B2-4DA2-4C46-B14D-9B8ED34F11B5}"/>
          </ac:grpSpMkLst>
        </pc:grpChg>
        <pc:grpChg chg="add mod">
          <ac:chgData name="Alan Wai Hou Lio" userId="4e2e7dda-a9a8-4e9f-8daf-fb8d3a66df36" providerId="ADAL" clId="{A187811C-1732-45C9-9529-FA7F9D274379}" dt="2021-06-10T08:39:36.851" v="305" actId="164"/>
          <ac:grpSpMkLst>
            <pc:docMk/>
            <pc:sldMk cId="2242257556" sldId="290"/>
            <ac:grpSpMk id="7" creationId="{5FA5A650-D88F-4A2C-AC13-A2B0115BBA85}"/>
          </ac:grpSpMkLst>
        </pc:grpChg>
        <pc:picChg chg="add mod">
          <ac:chgData name="Alan Wai Hou Lio" userId="4e2e7dda-a9a8-4e9f-8daf-fb8d3a66df36" providerId="ADAL" clId="{A187811C-1732-45C9-9529-FA7F9D274379}" dt="2021-06-10T08:53:47.879" v="473" actId="1076"/>
          <ac:picMkLst>
            <pc:docMk/>
            <pc:sldMk cId="2242257556" sldId="290"/>
            <ac:picMk id="15" creationId="{E9D3E77D-D388-4909-AE2A-2A01823D9723}"/>
          </ac:picMkLst>
        </pc:picChg>
        <pc:picChg chg="add mod">
          <ac:chgData name="Alan Wai Hou Lio" userId="4e2e7dda-a9a8-4e9f-8daf-fb8d3a66df36" providerId="ADAL" clId="{A187811C-1732-45C9-9529-FA7F9D274379}" dt="2021-06-10T09:40:30.195" v="499" actId="962"/>
          <ac:picMkLst>
            <pc:docMk/>
            <pc:sldMk cId="2242257556" sldId="290"/>
            <ac:picMk id="17" creationId="{87033F40-E4B9-4FD8-89AD-9701902C5DEF}"/>
          </ac:picMkLst>
        </pc:picChg>
        <pc:picChg chg="add mod">
          <ac:chgData name="Alan Wai Hou Lio" userId="4e2e7dda-a9a8-4e9f-8daf-fb8d3a66df36" providerId="ADAL" clId="{A187811C-1732-45C9-9529-FA7F9D274379}" dt="2021-06-10T09:42:52.355" v="621" actId="1076"/>
          <ac:picMkLst>
            <pc:docMk/>
            <pc:sldMk cId="2242257556" sldId="290"/>
            <ac:picMk id="19" creationId="{8EB665A3-81C8-4445-BBA3-CE5DAB7DC2C0}"/>
          </ac:picMkLst>
        </pc:picChg>
        <pc:picChg chg="add mod ord">
          <ac:chgData name="Alan Wai Hou Lio" userId="4e2e7dda-a9a8-4e9f-8daf-fb8d3a66df36" providerId="ADAL" clId="{A187811C-1732-45C9-9529-FA7F9D274379}" dt="2021-06-11T20:53:28.551" v="5120" actId="20577"/>
          <ac:picMkLst>
            <pc:docMk/>
            <pc:sldMk cId="2242257556" sldId="290"/>
            <ac:picMk id="23" creationId="{80B1CA77-4D68-41C1-9085-B74B321840F6}"/>
          </ac:picMkLst>
        </pc:picChg>
        <pc:picChg chg="add mod">
          <ac:chgData name="Alan Wai Hou Lio" userId="4e2e7dda-a9a8-4e9f-8daf-fb8d3a66df36" providerId="ADAL" clId="{A187811C-1732-45C9-9529-FA7F9D274379}" dt="2021-06-10T08:39:36.851" v="305" actId="164"/>
          <ac:picMkLst>
            <pc:docMk/>
            <pc:sldMk cId="2242257556" sldId="290"/>
            <ac:picMk id="1026" creationId="{9DA7FF43-85CE-4834-9901-D65B75BF003D}"/>
          </ac:picMkLst>
        </pc:picChg>
        <pc:cxnChg chg="add mod">
          <ac:chgData name="Alan Wai Hou Lio" userId="4e2e7dda-a9a8-4e9f-8daf-fb8d3a66df36" providerId="ADAL" clId="{A187811C-1732-45C9-9529-FA7F9D274379}" dt="2021-06-10T08:39:36.851" v="305" actId="164"/>
          <ac:cxnSpMkLst>
            <pc:docMk/>
            <pc:sldMk cId="2242257556" sldId="290"/>
            <ac:cxnSpMk id="6" creationId="{67270EFE-3502-4D37-8527-5FDC5FD1D10A}"/>
          </ac:cxnSpMkLst>
        </pc:cxnChg>
        <pc:cxnChg chg="add mod">
          <ac:chgData name="Alan Wai Hou Lio" userId="4e2e7dda-a9a8-4e9f-8daf-fb8d3a66df36" providerId="ADAL" clId="{A187811C-1732-45C9-9529-FA7F9D274379}" dt="2021-06-10T08:44:39.988" v="465" actId="1076"/>
          <ac:cxnSpMkLst>
            <pc:docMk/>
            <pc:sldMk cId="2242257556" sldId="290"/>
            <ac:cxnSpMk id="11" creationId="{25F68895-8B20-488E-B035-54551BB0F133}"/>
          </ac:cxnSpMkLst>
        </pc:cxnChg>
        <pc:cxnChg chg="add mod">
          <ac:chgData name="Alan Wai Hou Lio" userId="4e2e7dda-a9a8-4e9f-8daf-fb8d3a66df36" providerId="ADAL" clId="{A187811C-1732-45C9-9529-FA7F9D274379}" dt="2021-06-11T20:53:28.551" v="5120" actId="20577"/>
          <ac:cxnSpMkLst>
            <pc:docMk/>
            <pc:sldMk cId="2242257556" sldId="290"/>
            <ac:cxnSpMk id="25" creationId="{79EC4A39-45A7-4244-A7B2-08CFE7909158}"/>
          </ac:cxnSpMkLst>
        </pc:cxnChg>
      </pc:sldChg>
      <pc:sldChg chg="addSp delSp modSp new del mod">
        <pc:chgData name="Alan Wai Hou Lio" userId="4e2e7dda-a9a8-4e9f-8daf-fb8d3a66df36" providerId="ADAL" clId="{A187811C-1732-45C9-9529-FA7F9D274379}" dt="2021-06-10T13:40:42.629" v="1017" actId="47"/>
        <pc:sldMkLst>
          <pc:docMk/>
          <pc:sldMk cId="1681459322" sldId="291"/>
        </pc:sldMkLst>
        <pc:spChg chg="del">
          <ac:chgData name="Alan Wai Hou Lio" userId="4e2e7dda-a9a8-4e9f-8daf-fb8d3a66df36" providerId="ADAL" clId="{A187811C-1732-45C9-9529-FA7F9D274379}" dt="2021-06-10T10:53:32.275" v="997" actId="931"/>
          <ac:spMkLst>
            <pc:docMk/>
            <pc:sldMk cId="1681459322" sldId="291"/>
            <ac:spMk id="3" creationId="{680409E1-906D-46FF-8EA8-9A9B3236265B}"/>
          </ac:spMkLst>
        </pc:spChg>
        <pc:spChg chg="add del mod">
          <ac:chgData name="Alan Wai Hou Lio" userId="4e2e7dda-a9a8-4e9f-8daf-fb8d3a66df36" providerId="ADAL" clId="{A187811C-1732-45C9-9529-FA7F9D274379}" dt="2021-06-10T10:56:58.572" v="1010" actId="478"/>
          <ac:spMkLst>
            <pc:docMk/>
            <pc:sldMk cId="1681459322" sldId="291"/>
            <ac:spMk id="7" creationId="{47AEAAA1-DD0F-4CD2-8579-9B3210C22CBB}"/>
          </ac:spMkLst>
        </pc:spChg>
        <pc:spChg chg="add del mod">
          <ac:chgData name="Alan Wai Hou Lio" userId="4e2e7dda-a9a8-4e9f-8daf-fb8d3a66df36" providerId="ADAL" clId="{A187811C-1732-45C9-9529-FA7F9D274379}" dt="2021-06-10T10:56:57.673" v="1009" actId="478"/>
          <ac:spMkLst>
            <pc:docMk/>
            <pc:sldMk cId="1681459322" sldId="291"/>
            <ac:spMk id="10" creationId="{F257BBFB-C78C-474D-BF03-959C44430E0B}"/>
          </ac:spMkLst>
        </pc:spChg>
        <pc:picChg chg="add del mod">
          <ac:chgData name="Alan Wai Hou Lio" userId="4e2e7dda-a9a8-4e9f-8daf-fb8d3a66df36" providerId="ADAL" clId="{A187811C-1732-45C9-9529-FA7F9D274379}" dt="2021-06-10T10:56:54.226" v="1008" actId="478"/>
          <ac:picMkLst>
            <pc:docMk/>
            <pc:sldMk cId="1681459322" sldId="291"/>
            <ac:picMk id="6" creationId="{B7884472-FC11-4596-B74C-D17DA7395581}"/>
          </ac:picMkLst>
        </pc:picChg>
        <pc:picChg chg="add del mod">
          <ac:chgData name="Alan Wai Hou Lio" userId="4e2e7dda-a9a8-4e9f-8daf-fb8d3a66df36" providerId="ADAL" clId="{A187811C-1732-45C9-9529-FA7F9D274379}" dt="2021-06-10T10:56:53.388" v="1007" actId="478"/>
          <ac:picMkLst>
            <pc:docMk/>
            <pc:sldMk cId="1681459322" sldId="291"/>
            <ac:picMk id="9" creationId="{1908496C-737D-4895-A36C-B6E37E397351}"/>
          </ac:picMkLst>
        </pc:picChg>
        <pc:picChg chg="add del mod">
          <ac:chgData name="Alan Wai Hou Lio" userId="4e2e7dda-a9a8-4e9f-8daf-fb8d3a66df36" providerId="ADAL" clId="{A187811C-1732-45C9-9529-FA7F9D274379}" dt="2021-06-10T13:40:39.652" v="1016" actId="478"/>
          <ac:picMkLst>
            <pc:docMk/>
            <pc:sldMk cId="1681459322" sldId="291"/>
            <ac:picMk id="12" creationId="{93480D02-8074-47B4-B18A-F266476016CA}"/>
          </ac:picMkLst>
        </pc:picChg>
      </pc:sldChg>
      <pc:sldChg chg="add del">
        <pc:chgData name="Alan Wai Hou Lio" userId="4e2e7dda-a9a8-4e9f-8daf-fb8d3a66df36" providerId="ADAL" clId="{A187811C-1732-45C9-9529-FA7F9D274379}" dt="2021-06-10T14:46:14.230" v="3057" actId="47"/>
        <pc:sldMkLst>
          <pc:docMk/>
          <pc:sldMk cId="2494893650" sldId="291"/>
        </pc:sldMkLst>
      </pc:sldChg>
      <pc:sldChg chg="addSp delSp modSp new mod delAnim modAnim">
        <pc:chgData name="Alan Wai Hou Lio" userId="4e2e7dda-a9a8-4e9f-8daf-fb8d3a66df36" providerId="ADAL" clId="{A187811C-1732-45C9-9529-FA7F9D274379}" dt="2021-06-15T10:35:39.661" v="11519" actId="790"/>
        <pc:sldMkLst>
          <pc:docMk/>
          <pc:sldMk cId="3909124833" sldId="292"/>
        </pc:sldMkLst>
        <pc:spChg chg="mod">
          <ac:chgData name="Alan Wai Hou Lio" userId="4e2e7dda-a9a8-4e9f-8daf-fb8d3a66df36" providerId="ADAL" clId="{A187811C-1732-45C9-9529-FA7F9D274379}" dt="2021-06-15T10:35:39.587" v="11508"/>
          <ac:spMkLst>
            <pc:docMk/>
            <pc:sldMk cId="3909124833" sldId="292"/>
            <ac:spMk id="2" creationId="{E2D908D2-D427-40FD-A417-3CAD87FFCE6B}"/>
          </ac:spMkLst>
        </pc:spChg>
        <pc:spChg chg="mod">
          <ac:chgData name="Alan Wai Hou Lio" userId="4e2e7dda-a9a8-4e9f-8daf-fb8d3a66df36" providerId="ADAL" clId="{A187811C-1732-45C9-9529-FA7F9D274379}" dt="2021-06-15T10:35:39.588" v="11509"/>
          <ac:spMkLst>
            <pc:docMk/>
            <pc:sldMk cId="3909124833" sldId="292"/>
            <ac:spMk id="3" creationId="{A27723AE-39AC-471B-A8C3-F09540C6B001}"/>
          </ac:spMkLst>
        </pc:spChg>
        <pc:spChg chg="mod">
          <ac:chgData name="Alan Wai Hou Lio" userId="4e2e7dda-a9a8-4e9f-8daf-fb8d3a66df36" providerId="ADAL" clId="{A187811C-1732-45C9-9529-FA7F9D274379}" dt="2021-06-15T10:35:39.590" v="11510" actId="790"/>
          <ac:spMkLst>
            <pc:docMk/>
            <pc:sldMk cId="3909124833" sldId="292"/>
            <ac:spMk id="4" creationId="{6834A740-57CE-4CA7-884E-146BD5BADBF8}"/>
          </ac:spMkLst>
        </pc:spChg>
        <pc:spChg chg="mod">
          <ac:chgData name="Alan Wai Hou Lio" userId="4e2e7dda-a9a8-4e9f-8daf-fb8d3a66df36" providerId="ADAL" clId="{A187811C-1732-45C9-9529-FA7F9D274379}" dt="2021-06-10T13:51:45.213" v="1504" actId="1076"/>
          <ac:spMkLst>
            <pc:docMk/>
            <pc:sldMk cId="3909124833" sldId="292"/>
            <ac:spMk id="7" creationId="{0D93A458-C8B6-4984-A8E1-55F082B49694}"/>
          </ac:spMkLst>
        </pc:spChg>
        <pc:spChg chg="add mod">
          <ac:chgData name="Alan Wai Hou Lio" userId="4e2e7dda-a9a8-4e9f-8daf-fb8d3a66df36" providerId="ADAL" clId="{A187811C-1732-45C9-9529-FA7F9D274379}" dt="2021-06-15T10:35:39.603" v="11511"/>
          <ac:spMkLst>
            <pc:docMk/>
            <pc:sldMk cId="3909124833" sldId="292"/>
            <ac:spMk id="8" creationId="{D254C07D-46EC-4083-B584-9507BB56162C}"/>
          </ac:spMkLst>
        </pc:spChg>
        <pc:spChg chg="add del mod">
          <ac:chgData name="Alan Wai Hou Lio" userId="4e2e7dda-a9a8-4e9f-8daf-fb8d3a66df36" providerId="ADAL" clId="{A187811C-1732-45C9-9529-FA7F9D274379}" dt="2021-06-10T13:56:36.518" v="1824"/>
          <ac:spMkLst>
            <pc:docMk/>
            <pc:sldMk cId="3909124833" sldId="292"/>
            <ac:spMk id="12" creationId="{B281E5B1-FB40-45A7-9759-4E2551317B65}"/>
          </ac:spMkLst>
        </pc:spChg>
        <pc:spChg chg="add del mod">
          <ac:chgData name="Alan Wai Hou Lio" userId="4e2e7dda-a9a8-4e9f-8daf-fb8d3a66df36" providerId="ADAL" clId="{A187811C-1732-45C9-9529-FA7F9D274379}" dt="2021-06-10T13:59:32.099" v="1960" actId="478"/>
          <ac:spMkLst>
            <pc:docMk/>
            <pc:sldMk cId="3909124833" sldId="292"/>
            <ac:spMk id="17" creationId="{2A3BA3AA-5EDC-46D4-B98C-FD59A5CD8AB6}"/>
          </ac:spMkLst>
        </pc:spChg>
        <pc:spChg chg="add mod">
          <ac:chgData name="Alan Wai Hou Lio" userId="4e2e7dda-a9a8-4e9f-8daf-fb8d3a66df36" providerId="ADAL" clId="{A187811C-1732-45C9-9529-FA7F9D274379}" dt="2021-06-10T14:11:07.033" v="2341" actId="20577"/>
          <ac:spMkLst>
            <pc:docMk/>
            <pc:sldMk cId="3909124833" sldId="292"/>
            <ac:spMk id="18" creationId="{958059A8-8881-459C-842F-F6793D10C453}"/>
          </ac:spMkLst>
        </pc:spChg>
        <pc:spChg chg="add mod">
          <ac:chgData name="Alan Wai Hou Lio" userId="4e2e7dda-a9a8-4e9f-8daf-fb8d3a66df36" providerId="ADAL" clId="{A187811C-1732-45C9-9529-FA7F9D274379}" dt="2021-06-15T10:35:39.625" v="11512"/>
          <ac:spMkLst>
            <pc:docMk/>
            <pc:sldMk cId="3909124833" sldId="292"/>
            <ac:spMk id="20" creationId="{33E46F3C-F0DB-42A2-90FD-940FD82A855F}"/>
          </ac:spMkLst>
        </pc:spChg>
        <pc:spChg chg="add mod">
          <ac:chgData name="Alan Wai Hou Lio" userId="4e2e7dda-a9a8-4e9f-8daf-fb8d3a66df36" providerId="ADAL" clId="{A187811C-1732-45C9-9529-FA7F9D274379}" dt="2021-06-15T10:35:39.628" v="11513" actId="790"/>
          <ac:spMkLst>
            <pc:docMk/>
            <pc:sldMk cId="3909124833" sldId="292"/>
            <ac:spMk id="21" creationId="{9D69C19E-4699-4B48-A95D-8B1A303B3675}"/>
          </ac:spMkLst>
        </pc:spChg>
        <pc:spChg chg="add mod">
          <ac:chgData name="Alan Wai Hou Lio" userId="4e2e7dda-a9a8-4e9f-8daf-fb8d3a66df36" providerId="ADAL" clId="{A187811C-1732-45C9-9529-FA7F9D274379}" dt="2021-06-15T10:35:39.630" v="11514" actId="790"/>
          <ac:spMkLst>
            <pc:docMk/>
            <pc:sldMk cId="3909124833" sldId="292"/>
            <ac:spMk id="22" creationId="{B7A4B76C-0191-4A84-9C30-4DEACA8454E5}"/>
          </ac:spMkLst>
        </pc:spChg>
        <pc:spChg chg="add mod">
          <ac:chgData name="Alan Wai Hou Lio" userId="4e2e7dda-a9a8-4e9f-8daf-fb8d3a66df36" providerId="ADAL" clId="{A187811C-1732-45C9-9529-FA7F9D274379}" dt="2021-06-15T10:35:39.650" v="11515"/>
          <ac:spMkLst>
            <pc:docMk/>
            <pc:sldMk cId="3909124833" sldId="292"/>
            <ac:spMk id="24" creationId="{5AB4973B-2AF3-4B55-9251-6BC048FA3C9D}"/>
          </ac:spMkLst>
        </pc:spChg>
        <pc:spChg chg="add mod">
          <ac:chgData name="Alan Wai Hou Lio" userId="4e2e7dda-a9a8-4e9f-8daf-fb8d3a66df36" providerId="ADAL" clId="{A187811C-1732-45C9-9529-FA7F9D274379}" dt="2021-06-15T10:35:39.653" v="11516" actId="790"/>
          <ac:spMkLst>
            <pc:docMk/>
            <pc:sldMk cId="3909124833" sldId="292"/>
            <ac:spMk id="25" creationId="{1D9A0DCB-6CA2-4B00-8423-8C132D146102}"/>
          </ac:spMkLst>
        </pc:spChg>
        <pc:spChg chg="add mod">
          <ac:chgData name="Alan Wai Hou Lio" userId="4e2e7dda-a9a8-4e9f-8daf-fb8d3a66df36" providerId="ADAL" clId="{A187811C-1732-45C9-9529-FA7F9D274379}" dt="2021-06-15T10:35:39.655" v="11517" actId="790"/>
          <ac:spMkLst>
            <pc:docMk/>
            <pc:sldMk cId="3909124833" sldId="292"/>
            <ac:spMk id="26" creationId="{78207FA3-D9BE-47F8-8A81-4B1965704BF1}"/>
          </ac:spMkLst>
        </pc:spChg>
        <pc:spChg chg="add mod">
          <ac:chgData name="Alan Wai Hou Lio" userId="4e2e7dda-a9a8-4e9f-8daf-fb8d3a66df36" providerId="ADAL" clId="{A187811C-1732-45C9-9529-FA7F9D274379}" dt="2021-06-15T10:35:39.658" v="11518" actId="790"/>
          <ac:spMkLst>
            <pc:docMk/>
            <pc:sldMk cId="3909124833" sldId="292"/>
            <ac:spMk id="27" creationId="{80DF5869-8492-4FA5-AA0D-0D54E80FA8D1}"/>
          </ac:spMkLst>
        </pc:spChg>
        <pc:spChg chg="add mod">
          <ac:chgData name="Alan Wai Hou Lio" userId="4e2e7dda-a9a8-4e9f-8daf-fb8d3a66df36" providerId="ADAL" clId="{A187811C-1732-45C9-9529-FA7F9D274379}" dt="2021-06-15T10:35:39.661" v="11519" actId="790"/>
          <ac:spMkLst>
            <pc:docMk/>
            <pc:sldMk cId="3909124833" sldId="292"/>
            <ac:spMk id="28" creationId="{B4A15917-C5D3-49B0-B001-DDF8A27EDAC6}"/>
          </ac:spMkLst>
        </pc:spChg>
        <pc:grpChg chg="add mod">
          <ac:chgData name="Alan Wai Hou Lio" userId="4e2e7dda-a9a8-4e9f-8daf-fb8d3a66df36" providerId="ADAL" clId="{A187811C-1732-45C9-9529-FA7F9D274379}" dt="2021-06-10T13:51:45.213" v="1504" actId="1076"/>
          <ac:grpSpMkLst>
            <pc:docMk/>
            <pc:sldMk cId="3909124833" sldId="292"/>
            <ac:grpSpMk id="5" creationId="{C01D22EC-7119-401D-B737-F614D64FD1B0}"/>
          </ac:grpSpMkLst>
        </pc:grpChg>
        <pc:grpChg chg="add del mod">
          <ac:chgData name="Alan Wai Hou Lio" userId="4e2e7dda-a9a8-4e9f-8daf-fb8d3a66df36" providerId="ADAL" clId="{A187811C-1732-45C9-9529-FA7F9D274379}" dt="2021-06-10T13:55:38.060" v="1780" actId="478"/>
          <ac:grpSpMkLst>
            <pc:docMk/>
            <pc:sldMk cId="3909124833" sldId="292"/>
            <ac:grpSpMk id="9" creationId="{73EF0915-D9AD-42BA-BC8A-BF682E586EEB}"/>
          </ac:grpSpMkLst>
        </pc:grpChg>
        <pc:grpChg chg="add del mod">
          <ac:chgData name="Alan Wai Hou Lio" userId="4e2e7dda-a9a8-4e9f-8daf-fb8d3a66df36" providerId="ADAL" clId="{A187811C-1732-45C9-9529-FA7F9D274379}" dt="2021-06-10T13:56:51.961" v="1826" actId="21"/>
          <ac:grpSpMkLst>
            <pc:docMk/>
            <pc:sldMk cId="3909124833" sldId="292"/>
            <ac:grpSpMk id="13" creationId="{221A206D-B0DB-4343-A923-88C17C4DA5EC}"/>
          </ac:grpSpMkLst>
        </pc:grpChg>
        <pc:grpChg chg="add mod">
          <ac:chgData name="Alan Wai Hou Lio" userId="4e2e7dda-a9a8-4e9f-8daf-fb8d3a66df36" providerId="ADAL" clId="{A187811C-1732-45C9-9529-FA7F9D274379}" dt="2021-06-10T14:11:07.033" v="2341" actId="20577"/>
          <ac:grpSpMkLst>
            <pc:docMk/>
            <pc:sldMk cId="3909124833" sldId="292"/>
            <ac:grpSpMk id="19" creationId="{0715C71F-BA66-4844-850F-1FE800A217CA}"/>
          </ac:grpSpMkLst>
        </pc:grpChg>
        <pc:picChg chg="mod">
          <ac:chgData name="Alan Wai Hou Lio" userId="4e2e7dda-a9a8-4e9f-8daf-fb8d3a66df36" providerId="ADAL" clId="{A187811C-1732-45C9-9529-FA7F9D274379}" dt="2021-06-10T13:51:45.213" v="1504" actId="1076"/>
          <ac:picMkLst>
            <pc:docMk/>
            <pc:sldMk cId="3909124833" sldId="292"/>
            <ac:picMk id="6" creationId="{AF79313D-4DD4-40B9-83C6-E8B90B2E5C46}"/>
          </ac:picMkLst>
        </pc:picChg>
        <pc:picChg chg="mod">
          <ac:chgData name="Alan Wai Hou Lio" userId="4e2e7dda-a9a8-4e9f-8daf-fb8d3a66df36" providerId="ADAL" clId="{A187811C-1732-45C9-9529-FA7F9D274379}" dt="2021-06-10T13:55:18.412" v="1778"/>
          <ac:picMkLst>
            <pc:docMk/>
            <pc:sldMk cId="3909124833" sldId="292"/>
            <ac:picMk id="10" creationId="{183BEAB6-F3BA-4C33-998D-CD7BE1EDECD2}"/>
          </ac:picMkLst>
        </pc:picChg>
        <pc:picChg chg="mod">
          <ac:chgData name="Alan Wai Hou Lio" userId="4e2e7dda-a9a8-4e9f-8daf-fb8d3a66df36" providerId="ADAL" clId="{A187811C-1732-45C9-9529-FA7F9D274379}" dt="2021-06-10T13:55:18.412" v="1778"/>
          <ac:picMkLst>
            <pc:docMk/>
            <pc:sldMk cId="3909124833" sldId="292"/>
            <ac:picMk id="11" creationId="{6AAD7CE9-A95D-4DFB-B4DB-48F27D550FF5}"/>
          </ac:picMkLst>
        </pc:picChg>
        <pc:picChg chg="del mod topLvl">
          <ac:chgData name="Alan Wai Hou Lio" userId="4e2e7dda-a9a8-4e9f-8daf-fb8d3a66df36" providerId="ADAL" clId="{A187811C-1732-45C9-9529-FA7F9D274379}" dt="2021-06-10T13:56:51.961" v="1826" actId="21"/>
          <ac:picMkLst>
            <pc:docMk/>
            <pc:sldMk cId="3909124833" sldId="292"/>
            <ac:picMk id="14" creationId="{FB7C0D69-9A3B-4393-A88A-74495CFD0F87}"/>
          </ac:picMkLst>
        </pc:picChg>
        <pc:picChg chg="mod topLvl modCrop">
          <ac:chgData name="Alan Wai Hou Lio" userId="4e2e7dda-a9a8-4e9f-8daf-fb8d3a66df36" providerId="ADAL" clId="{A187811C-1732-45C9-9529-FA7F9D274379}" dt="2021-06-10T14:11:07.033" v="2341" actId="20577"/>
          <ac:picMkLst>
            <pc:docMk/>
            <pc:sldMk cId="3909124833" sldId="292"/>
            <ac:picMk id="15" creationId="{6CF6B70D-C991-41B8-B5A7-6AB0206EE703}"/>
          </ac:picMkLst>
        </pc:picChg>
        <pc:picChg chg="add del mod modCrop">
          <ac:chgData name="Alan Wai Hou Lio" userId="4e2e7dda-a9a8-4e9f-8daf-fb8d3a66df36" providerId="ADAL" clId="{A187811C-1732-45C9-9529-FA7F9D274379}" dt="2021-06-10T14:10:03.073" v="2319" actId="478"/>
          <ac:picMkLst>
            <pc:docMk/>
            <pc:sldMk cId="3909124833" sldId="292"/>
            <ac:picMk id="16" creationId="{5D3595AC-CDCC-4885-910C-A90CC0169C2B}"/>
          </ac:picMkLst>
        </pc:picChg>
        <pc:picChg chg="add mod">
          <ac:chgData name="Alan Wai Hou Lio" userId="4e2e7dda-a9a8-4e9f-8daf-fb8d3a66df36" providerId="ADAL" clId="{A187811C-1732-45C9-9529-FA7F9D274379}" dt="2021-06-10T14:10:06.869" v="2321" actId="1076"/>
          <ac:picMkLst>
            <pc:docMk/>
            <pc:sldMk cId="3909124833" sldId="292"/>
            <ac:picMk id="23" creationId="{B96BD648-13A2-4305-B598-BF15F2CC0A25}"/>
          </ac:picMkLst>
        </pc:picChg>
      </pc:sldChg>
      <pc:sldChg chg="addSp delSp modSp new del mod ord">
        <pc:chgData name="Alan Wai Hou Lio" userId="4e2e7dda-a9a8-4e9f-8daf-fb8d3a66df36" providerId="ADAL" clId="{A187811C-1732-45C9-9529-FA7F9D274379}" dt="2021-06-11T20:10:50.900" v="4615" actId="47"/>
        <pc:sldMkLst>
          <pc:docMk/>
          <pc:sldMk cId="1134331966" sldId="293"/>
        </pc:sldMkLst>
        <pc:spChg chg="mod">
          <ac:chgData name="Alan Wai Hou Lio" userId="4e2e7dda-a9a8-4e9f-8daf-fb8d3a66df36" providerId="ADAL" clId="{A187811C-1732-45C9-9529-FA7F9D274379}" dt="2021-06-10T14:12:08.697" v="2373" actId="20577"/>
          <ac:spMkLst>
            <pc:docMk/>
            <pc:sldMk cId="1134331966" sldId="293"/>
            <ac:spMk id="2" creationId="{CB3FA273-FF95-414D-9DB6-10394BDE6716}"/>
          </ac:spMkLst>
        </pc:spChg>
        <pc:spChg chg="del">
          <ac:chgData name="Alan Wai Hou Lio" userId="4e2e7dda-a9a8-4e9f-8daf-fb8d3a66df36" providerId="ADAL" clId="{A187811C-1732-45C9-9529-FA7F9D274379}" dt="2021-06-10T14:13:36.388" v="2374" actId="931"/>
          <ac:spMkLst>
            <pc:docMk/>
            <pc:sldMk cId="1134331966" sldId="293"/>
            <ac:spMk id="3" creationId="{80B23513-AF40-4D89-A690-7AE701A54C41}"/>
          </ac:spMkLst>
        </pc:spChg>
        <pc:spChg chg="add mod">
          <ac:chgData name="Alan Wai Hou Lio" userId="4e2e7dda-a9a8-4e9f-8daf-fb8d3a66df36" providerId="ADAL" clId="{A187811C-1732-45C9-9529-FA7F9D274379}" dt="2021-06-11T11:31:07.241" v="4116" actId="1076"/>
          <ac:spMkLst>
            <pc:docMk/>
            <pc:sldMk cId="1134331966" sldId="293"/>
            <ac:spMk id="9" creationId="{BDA0181E-BD3F-4BEE-A419-EFED3CCC3830}"/>
          </ac:spMkLst>
        </pc:spChg>
        <pc:spChg chg="add mod">
          <ac:chgData name="Alan Wai Hou Lio" userId="4e2e7dda-a9a8-4e9f-8daf-fb8d3a66df36" providerId="ADAL" clId="{A187811C-1732-45C9-9529-FA7F9D274379}" dt="2021-06-11T11:31:12.923" v="4117" actId="1076"/>
          <ac:spMkLst>
            <pc:docMk/>
            <pc:sldMk cId="1134331966" sldId="293"/>
            <ac:spMk id="10" creationId="{E779C3B6-91E4-4C23-B2AD-56A253D9E871}"/>
          </ac:spMkLst>
        </pc:spChg>
        <pc:spChg chg="add del mod">
          <ac:chgData name="Alan Wai Hou Lio" userId="4e2e7dda-a9a8-4e9f-8daf-fb8d3a66df36" providerId="ADAL" clId="{A187811C-1732-45C9-9529-FA7F9D274379}" dt="2021-06-10T14:15:23.334" v="2435"/>
          <ac:spMkLst>
            <pc:docMk/>
            <pc:sldMk cId="1134331966" sldId="293"/>
            <ac:spMk id="11" creationId="{F8C56534-3E34-4275-BCB4-AA62A28E0A2D}"/>
          </ac:spMkLst>
        </pc:spChg>
        <pc:spChg chg="add mod">
          <ac:chgData name="Alan Wai Hou Lio" userId="4e2e7dda-a9a8-4e9f-8daf-fb8d3a66df36" providerId="ADAL" clId="{A187811C-1732-45C9-9529-FA7F9D274379}" dt="2021-06-11T11:31:29.998" v="4123" actId="1076"/>
          <ac:spMkLst>
            <pc:docMk/>
            <pc:sldMk cId="1134331966" sldId="293"/>
            <ac:spMk id="12" creationId="{23A86AE1-D9BC-4B73-91B9-5B6C1255A226}"/>
          </ac:spMkLst>
        </pc:spChg>
        <pc:spChg chg="add mod">
          <ac:chgData name="Alan Wai Hou Lio" userId="4e2e7dda-a9a8-4e9f-8daf-fb8d3a66df36" providerId="ADAL" clId="{A187811C-1732-45C9-9529-FA7F9D274379}" dt="2021-06-11T11:31:12.923" v="4117" actId="1076"/>
          <ac:spMkLst>
            <pc:docMk/>
            <pc:sldMk cId="1134331966" sldId="293"/>
            <ac:spMk id="13" creationId="{3208809C-C4C5-4FEB-8224-5EEF2CB2344C}"/>
          </ac:spMkLst>
        </pc:spChg>
        <pc:spChg chg="add mod">
          <ac:chgData name="Alan Wai Hou Lio" userId="4e2e7dda-a9a8-4e9f-8daf-fb8d3a66df36" providerId="ADAL" clId="{A187811C-1732-45C9-9529-FA7F9D274379}" dt="2021-06-11T11:31:12.923" v="4117" actId="1076"/>
          <ac:spMkLst>
            <pc:docMk/>
            <pc:sldMk cId="1134331966" sldId="293"/>
            <ac:spMk id="14" creationId="{0CC8DE25-3EEA-4CB6-8FC3-BB962881A168}"/>
          </ac:spMkLst>
        </pc:spChg>
        <pc:spChg chg="add mod">
          <ac:chgData name="Alan Wai Hou Lio" userId="4e2e7dda-a9a8-4e9f-8daf-fb8d3a66df36" providerId="ADAL" clId="{A187811C-1732-45C9-9529-FA7F9D274379}" dt="2021-06-11T12:05:13.717" v="4256" actId="20577"/>
          <ac:spMkLst>
            <pc:docMk/>
            <pc:sldMk cId="1134331966" sldId="293"/>
            <ac:spMk id="15" creationId="{E144533D-020F-4F16-8D26-2629CAD4528C}"/>
          </ac:spMkLst>
        </pc:spChg>
        <pc:spChg chg="add mod">
          <ac:chgData name="Alan Wai Hou Lio" userId="4e2e7dda-a9a8-4e9f-8daf-fb8d3a66df36" providerId="ADAL" clId="{A187811C-1732-45C9-9529-FA7F9D274379}" dt="2021-06-11T11:31:18.471" v="4118" actId="1076"/>
          <ac:spMkLst>
            <pc:docMk/>
            <pc:sldMk cId="1134331966" sldId="293"/>
            <ac:spMk id="16" creationId="{64721003-2279-47A5-81B9-007A8E28D42B}"/>
          </ac:spMkLst>
        </pc:spChg>
        <pc:spChg chg="add mod">
          <ac:chgData name="Alan Wai Hou Lio" userId="4e2e7dda-a9a8-4e9f-8daf-fb8d3a66df36" providerId="ADAL" clId="{A187811C-1732-45C9-9529-FA7F9D274379}" dt="2021-06-10T14:17:22.517" v="2502" actId="404"/>
          <ac:spMkLst>
            <pc:docMk/>
            <pc:sldMk cId="1134331966" sldId="293"/>
            <ac:spMk id="17" creationId="{80A6F6DE-50BC-4240-B1D3-92BCD0C3A4B1}"/>
          </ac:spMkLst>
        </pc:spChg>
        <pc:spChg chg="add mod">
          <ac:chgData name="Alan Wai Hou Lio" userId="4e2e7dda-a9a8-4e9f-8daf-fb8d3a66df36" providerId="ADAL" clId="{A187811C-1732-45C9-9529-FA7F9D274379}" dt="2021-06-11T11:33:17.475" v="4241" actId="1076"/>
          <ac:spMkLst>
            <pc:docMk/>
            <pc:sldMk cId="1134331966" sldId="293"/>
            <ac:spMk id="18" creationId="{6275DC26-3BF0-4674-80B7-9E2FDAE7CC5D}"/>
          </ac:spMkLst>
        </pc:spChg>
        <pc:picChg chg="add mod">
          <ac:chgData name="Alan Wai Hou Lio" userId="4e2e7dda-a9a8-4e9f-8daf-fb8d3a66df36" providerId="ADAL" clId="{A187811C-1732-45C9-9529-FA7F9D274379}" dt="2021-06-11T11:33:10.523" v="4239" actId="1076"/>
          <ac:picMkLst>
            <pc:docMk/>
            <pc:sldMk cId="1134331966" sldId="293"/>
            <ac:picMk id="6" creationId="{C225E5D3-77B3-40A4-A403-AA3C53505E11}"/>
          </ac:picMkLst>
        </pc:picChg>
        <pc:picChg chg="add mod">
          <ac:chgData name="Alan Wai Hou Lio" userId="4e2e7dda-a9a8-4e9f-8daf-fb8d3a66df36" providerId="ADAL" clId="{A187811C-1732-45C9-9529-FA7F9D274379}" dt="2021-06-11T11:31:12.923" v="4117" actId="1076"/>
          <ac:picMkLst>
            <pc:docMk/>
            <pc:sldMk cId="1134331966" sldId="293"/>
            <ac:picMk id="8" creationId="{81B66F33-E8BD-4149-A588-A1B813FD1B48}"/>
          </ac:picMkLst>
        </pc:picChg>
      </pc:sldChg>
      <pc:sldChg chg="addSp delSp modSp new mod modAnim">
        <pc:chgData name="Alan Wai Hou Lio" userId="4e2e7dda-a9a8-4e9f-8daf-fb8d3a66df36" providerId="ADAL" clId="{A187811C-1732-45C9-9529-FA7F9D274379}" dt="2021-06-15T10:35:39.693" v="11525" actId="790"/>
        <pc:sldMkLst>
          <pc:docMk/>
          <pc:sldMk cId="3199092472" sldId="294"/>
        </pc:sldMkLst>
        <pc:spChg chg="mod">
          <ac:chgData name="Alan Wai Hou Lio" userId="4e2e7dda-a9a8-4e9f-8daf-fb8d3a66df36" providerId="ADAL" clId="{A187811C-1732-45C9-9529-FA7F9D274379}" dt="2021-06-15T10:35:39.662" v="11520"/>
          <ac:spMkLst>
            <pc:docMk/>
            <pc:sldMk cId="3199092472" sldId="294"/>
            <ac:spMk id="2" creationId="{4EF8B7F4-0A0D-4962-87F6-BAE6C65A1865}"/>
          </ac:spMkLst>
        </pc:spChg>
        <pc:spChg chg="mod">
          <ac:chgData name="Alan Wai Hou Lio" userId="4e2e7dda-a9a8-4e9f-8daf-fb8d3a66df36" providerId="ADAL" clId="{A187811C-1732-45C9-9529-FA7F9D274379}" dt="2021-06-15T10:35:39.662" v="11521"/>
          <ac:spMkLst>
            <pc:docMk/>
            <pc:sldMk cId="3199092472" sldId="294"/>
            <ac:spMk id="3" creationId="{6A91A3AF-AC87-49FD-B92A-FFDD593D86CE}"/>
          </ac:spMkLst>
        </pc:spChg>
        <pc:spChg chg="mod">
          <ac:chgData name="Alan Wai Hou Lio" userId="4e2e7dda-a9a8-4e9f-8daf-fb8d3a66df36" providerId="ADAL" clId="{A187811C-1732-45C9-9529-FA7F9D274379}" dt="2021-06-15T10:35:39.665" v="11522" actId="790"/>
          <ac:spMkLst>
            <pc:docMk/>
            <pc:sldMk cId="3199092472" sldId="294"/>
            <ac:spMk id="4" creationId="{61C7F647-21E2-46C4-8E70-A3E068D16687}"/>
          </ac:spMkLst>
        </pc:spChg>
        <pc:spChg chg="add mod">
          <ac:chgData name="Alan Wai Hou Lio" userId="4e2e7dda-a9a8-4e9f-8daf-fb8d3a66df36" providerId="ADAL" clId="{A187811C-1732-45C9-9529-FA7F9D274379}" dt="2021-06-15T10:35:39.683" v="11523"/>
          <ac:spMkLst>
            <pc:docMk/>
            <pc:sldMk cId="3199092472" sldId="294"/>
            <ac:spMk id="5" creationId="{9C8D3CC6-CE82-4A55-A45F-D6CCA955A890}"/>
          </ac:spMkLst>
        </pc:spChg>
        <pc:spChg chg="mod">
          <ac:chgData name="Alan Wai Hou Lio" userId="4e2e7dda-a9a8-4e9f-8daf-fb8d3a66df36" providerId="ADAL" clId="{A187811C-1732-45C9-9529-FA7F9D274379}" dt="2021-06-10T14:25:05.167" v="2861" actId="732"/>
          <ac:spMkLst>
            <pc:docMk/>
            <pc:sldMk cId="3199092472" sldId="294"/>
            <ac:spMk id="8" creationId="{CF33B6B0-E309-45D0-862E-C2DBFC23C11B}"/>
          </ac:spMkLst>
        </pc:spChg>
        <pc:spChg chg="mod">
          <ac:chgData name="Alan Wai Hou Lio" userId="4e2e7dda-a9a8-4e9f-8daf-fb8d3a66df36" providerId="ADAL" clId="{A187811C-1732-45C9-9529-FA7F9D274379}" dt="2021-06-10T14:25:05.167" v="2861" actId="732"/>
          <ac:spMkLst>
            <pc:docMk/>
            <pc:sldMk cId="3199092472" sldId="294"/>
            <ac:spMk id="9" creationId="{45C6DC81-6E42-47BD-A886-B52A72A9C5EB}"/>
          </ac:spMkLst>
        </pc:spChg>
        <pc:spChg chg="mod">
          <ac:chgData name="Alan Wai Hou Lio" userId="4e2e7dda-a9a8-4e9f-8daf-fb8d3a66df36" providerId="ADAL" clId="{A187811C-1732-45C9-9529-FA7F9D274379}" dt="2021-06-10T14:25:05.167" v="2861" actId="732"/>
          <ac:spMkLst>
            <pc:docMk/>
            <pc:sldMk cId="3199092472" sldId="294"/>
            <ac:spMk id="10" creationId="{37E83785-A267-4539-B607-7D833C280081}"/>
          </ac:spMkLst>
        </pc:spChg>
        <pc:spChg chg="add mod">
          <ac:chgData name="Alan Wai Hou Lio" userId="4e2e7dda-a9a8-4e9f-8daf-fb8d3a66df36" providerId="ADAL" clId="{A187811C-1732-45C9-9529-FA7F9D274379}" dt="2021-06-15T10:35:39.690" v="11524"/>
          <ac:spMkLst>
            <pc:docMk/>
            <pc:sldMk cId="3199092472" sldId="294"/>
            <ac:spMk id="11" creationId="{D01DD4B1-C4AD-4131-88DA-800EE8F98AA2}"/>
          </ac:spMkLst>
        </pc:spChg>
        <pc:spChg chg="add del mod">
          <ac:chgData name="Alan Wai Hou Lio" userId="4e2e7dda-a9a8-4e9f-8daf-fb8d3a66df36" providerId="ADAL" clId="{A187811C-1732-45C9-9529-FA7F9D274379}" dt="2021-06-10T14:45:25.246" v="3035" actId="478"/>
          <ac:spMkLst>
            <pc:docMk/>
            <pc:sldMk cId="3199092472" sldId="294"/>
            <ac:spMk id="14" creationId="{E502FD18-CCAA-468E-B8A9-0D7EBC847CA2}"/>
          </ac:spMkLst>
        </pc:spChg>
        <pc:spChg chg="add del">
          <ac:chgData name="Alan Wai Hou Lio" userId="4e2e7dda-a9a8-4e9f-8daf-fb8d3a66df36" providerId="ADAL" clId="{A187811C-1732-45C9-9529-FA7F9D274379}" dt="2021-06-10T14:44:58.557" v="3026" actId="478"/>
          <ac:spMkLst>
            <pc:docMk/>
            <pc:sldMk cId="3199092472" sldId="294"/>
            <ac:spMk id="15" creationId="{32F02183-A127-436D-9294-274756CA6C66}"/>
          </ac:spMkLst>
        </pc:spChg>
        <pc:spChg chg="add mod">
          <ac:chgData name="Alan Wai Hou Lio" userId="4e2e7dda-a9a8-4e9f-8daf-fb8d3a66df36" providerId="ADAL" clId="{A187811C-1732-45C9-9529-FA7F9D274379}" dt="2021-06-15T10:35:39.693" v="11525" actId="790"/>
          <ac:spMkLst>
            <pc:docMk/>
            <pc:sldMk cId="3199092472" sldId="294"/>
            <ac:spMk id="16" creationId="{076CB2AF-4999-446A-9C77-D3C7D5BC06ED}"/>
          </ac:spMkLst>
        </pc:spChg>
        <pc:grpChg chg="add mod">
          <ac:chgData name="Alan Wai Hou Lio" userId="4e2e7dda-a9a8-4e9f-8daf-fb8d3a66df36" providerId="ADAL" clId="{A187811C-1732-45C9-9529-FA7F9D274379}" dt="2021-06-10T14:25:05.167" v="2861" actId="732"/>
          <ac:grpSpMkLst>
            <pc:docMk/>
            <pc:sldMk cId="3199092472" sldId="294"/>
            <ac:grpSpMk id="6" creationId="{1E996333-FE2B-4CBD-B266-D61B9AB360E1}"/>
          </ac:grpSpMkLst>
        </pc:grpChg>
        <pc:picChg chg="mod">
          <ac:chgData name="Alan Wai Hou Lio" userId="4e2e7dda-a9a8-4e9f-8daf-fb8d3a66df36" providerId="ADAL" clId="{A187811C-1732-45C9-9529-FA7F9D274379}" dt="2021-06-10T14:25:05.167" v="2861" actId="732"/>
          <ac:picMkLst>
            <pc:docMk/>
            <pc:sldMk cId="3199092472" sldId="294"/>
            <ac:picMk id="7" creationId="{B133E0F6-464F-4826-8D8E-973C61A16281}"/>
          </ac:picMkLst>
        </pc:picChg>
        <pc:cxnChg chg="add mod">
          <ac:chgData name="Alan Wai Hou Lio" userId="4e2e7dda-a9a8-4e9f-8daf-fb8d3a66df36" providerId="ADAL" clId="{A187811C-1732-45C9-9529-FA7F9D274379}" dt="2021-06-10T14:26:13.940" v="2870" actId="1076"/>
          <ac:cxnSpMkLst>
            <pc:docMk/>
            <pc:sldMk cId="3199092472" sldId="294"/>
            <ac:cxnSpMk id="13" creationId="{DFED6F42-CBB9-4817-B9EE-B8CFC41F6A10}"/>
          </ac:cxnSpMkLst>
        </pc:cxnChg>
      </pc:sldChg>
      <pc:sldChg chg="addSp modSp new add del mod">
        <pc:chgData name="Alan Wai Hou Lio" userId="4e2e7dda-a9a8-4e9f-8daf-fb8d3a66df36" providerId="ADAL" clId="{A187811C-1732-45C9-9529-FA7F9D274379}" dt="2021-06-11T20:10:49.519" v="4614" actId="47"/>
        <pc:sldMkLst>
          <pc:docMk/>
          <pc:sldMk cId="2541362834" sldId="295"/>
        </pc:sldMkLst>
        <pc:spChg chg="mod">
          <ac:chgData name="Alan Wai Hou Lio" userId="4e2e7dda-a9a8-4e9f-8daf-fb8d3a66df36" providerId="ADAL" clId="{A187811C-1732-45C9-9529-FA7F9D274379}" dt="2021-06-11T12:43:40.697" v="4281" actId="20577"/>
          <ac:spMkLst>
            <pc:docMk/>
            <pc:sldMk cId="2541362834" sldId="295"/>
            <ac:spMk id="2" creationId="{FE12CC59-53BC-42B2-8617-26A129190C9C}"/>
          </ac:spMkLst>
        </pc:spChg>
        <pc:spChg chg="mod">
          <ac:chgData name="Alan Wai Hou Lio" userId="4e2e7dda-a9a8-4e9f-8daf-fb8d3a66df36" providerId="ADAL" clId="{A187811C-1732-45C9-9529-FA7F9D274379}" dt="2021-06-11T12:54:09.044" v="4519" actId="20577"/>
          <ac:spMkLst>
            <pc:docMk/>
            <pc:sldMk cId="2541362834" sldId="295"/>
            <ac:spMk id="3" creationId="{1970B8F2-BB19-4416-B4D5-74792D16A9E1}"/>
          </ac:spMkLst>
        </pc:spChg>
        <pc:spChg chg="add mod">
          <ac:chgData name="Alan Wai Hou Lio" userId="4e2e7dda-a9a8-4e9f-8daf-fb8d3a66df36" providerId="ADAL" clId="{A187811C-1732-45C9-9529-FA7F9D274379}" dt="2021-06-11T20:09:34.239" v="4611" actId="20577"/>
          <ac:spMkLst>
            <pc:docMk/>
            <pc:sldMk cId="2541362834" sldId="295"/>
            <ac:spMk id="5" creationId="{72198F69-E69E-47D3-BBA5-AE69EA8EB812}"/>
          </ac:spMkLst>
        </pc:spChg>
      </pc:sldChg>
      <pc:sldChg chg="addSp delSp modSp new mod delAnim modAnim">
        <pc:chgData name="Alan Wai Hou Lio" userId="4e2e7dda-a9a8-4e9f-8daf-fb8d3a66df36" providerId="ADAL" clId="{A187811C-1732-45C9-9529-FA7F9D274379}" dt="2021-06-15T12:37:03.869" v="11730" actId="1076"/>
        <pc:sldMkLst>
          <pc:docMk/>
          <pc:sldMk cId="303964903" sldId="296"/>
        </pc:sldMkLst>
        <pc:spChg chg="mod">
          <ac:chgData name="Alan Wai Hou Lio" userId="4e2e7dda-a9a8-4e9f-8daf-fb8d3a66df36" providerId="ADAL" clId="{A187811C-1732-45C9-9529-FA7F9D274379}" dt="2021-06-15T10:35:39.754" v="11531"/>
          <ac:spMkLst>
            <pc:docMk/>
            <pc:sldMk cId="303964903" sldId="296"/>
            <ac:spMk id="2" creationId="{861BF4E5-CCCD-4AE2-B05C-EA75A916B010}"/>
          </ac:spMkLst>
        </pc:spChg>
        <pc:spChg chg="mod">
          <ac:chgData name="Alan Wai Hou Lio" userId="4e2e7dda-a9a8-4e9f-8daf-fb8d3a66df36" providerId="ADAL" clId="{A187811C-1732-45C9-9529-FA7F9D274379}" dt="2021-06-15T10:35:39.756" v="11532"/>
          <ac:spMkLst>
            <pc:docMk/>
            <pc:sldMk cId="303964903" sldId="296"/>
            <ac:spMk id="3" creationId="{49A0932E-11C2-4203-B4D9-6ABB1D6B1524}"/>
          </ac:spMkLst>
        </pc:spChg>
        <pc:spChg chg="mod">
          <ac:chgData name="Alan Wai Hou Lio" userId="4e2e7dda-a9a8-4e9f-8daf-fb8d3a66df36" providerId="ADAL" clId="{A187811C-1732-45C9-9529-FA7F9D274379}" dt="2021-06-15T10:35:39.759" v="11533" actId="790"/>
          <ac:spMkLst>
            <pc:docMk/>
            <pc:sldMk cId="303964903" sldId="296"/>
            <ac:spMk id="4" creationId="{561CAE4A-1D4F-43AB-8032-9350BD2ADC69}"/>
          </ac:spMkLst>
        </pc:spChg>
        <pc:spChg chg="add mod">
          <ac:chgData name="Alan Wai Hou Lio" userId="4e2e7dda-a9a8-4e9f-8daf-fb8d3a66df36" providerId="ADAL" clId="{A187811C-1732-45C9-9529-FA7F9D274379}" dt="2021-06-15T10:35:39.783" v="11534"/>
          <ac:spMkLst>
            <pc:docMk/>
            <pc:sldMk cId="303964903" sldId="296"/>
            <ac:spMk id="8" creationId="{607BD9D2-2196-489B-973C-611FAD354868}"/>
          </ac:spMkLst>
        </pc:spChg>
        <pc:spChg chg="add mod">
          <ac:chgData name="Alan Wai Hou Lio" userId="4e2e7dda-a9a8-4e9f-8daf-fb8d3a66df36" providerId="ADAL" clId="{A187811C-1732-45C9-9529-FA7F9D274379}" dt="2021-06-15T12:37:01.081" v="11729" actId="1076"/>
          <ac:spMkLst>
            <pc:docMk/>
            <pc:sldMk cId="303964903" sldId="296"/>
            <ac:spMk id="9" creationId="{06622A5E-48AD-4B65-9E92-DB2373C1911C}"/>
          </ac:spMkLst>
        </pc:spChg>
        <pc:picChg chg="add mod">
          <ac:chgData name="Alan Wai Hou Lio" userId="4e2e7dda-a9a8-4e9f-8daf-fb8d3a66df36" providerId="ADAL" clId="{A187811C-1732-45C9-9529-FA7F9D274379}" dt="2021-06-11T09:54:34.550" v="3550" actId="1076"/>
          <ac:picMkLst>
            <pc:docMk/>
            <pc:sldMk cId="303964903" sldId="296"/>
            <ac:picMk id="5" creationId="{D2EA6E13-C1FE-4466-8583-2B50C3B980A0}"/>
          </ac:picMkLst>
        </pc:picChg>
        <pc:picChg chg="add del mod">
          <ac:chgData name="Alan Wai Hou Lio" userId="4e2e7dda-a9a8-4e9f-8daf-fb8d3a66df36" providerId="ADAL" clId="{A187811C-1732-45C9-9529-FA7F9D274379}" dt="2021-06-11T09:59:55.717" v="3782" actId="478"/>
          <ac:picMkLst>
            <pc:docMk/>
            <pc:sldMk cId="303964903" sldId="296"/>
            <ac:picMk id="6" creationId="{19A03B46-D8F2-419F-B34F-24099AD52803}"/>
          </ac:picMkLst>
        </pc:picChg>
        <pc:picChg chg="add mod modCrop">
          <ac:chgData name="Alan Wai Hou Lio" userId="4e2e7dda-a9a8-4e9f-8daf-fb8d3a66df36" providerId="ADAL" clId="{A187811C-1732-45C9-9529-FA7F9D274379}" dt="2021-06-15T12:37:03.869" v="11730" actId="1076"/>
          <ac:picMkLst>
            <pc:docMk/>
            <pc:sldMk cId="303964903" sldId="296"/>
            <ac:picMk id="7" creationId="{8CB08CFA-7336-4113-ADAD-14792D6A1547}"/>
          </ac:picMkLst>
        </pc:picChg>
      </pc:sldChg>
      <pc:sldChg chg="addSp delSp modSp new mod modAnim">
        <pc:chgData name="Alan Wai Hou Lio" userId="4e2e7dda-a9a8-4e9f-8daf-fb8d3a66df36" providerId="ADAL" clId="{A187811C-1732-45C9-9529-FA7F9D274379}" dt="2021-06-15T10:35:39.833" v="11541" actId="790"/>
        <pc:sldMkLst>
          <pc:docMk/>
          <pc:sldMk cId="2133748450" sldId="297"/>
        </pc:sldMkLst>
        <pc:spChg chg="mod">
          <ac:chgData name="Alan Wai Hou Lio" userId="4e2e7dda-a9a8-4e9f-8daf-fb8d3a66df36" providerId="ADAL" clId="{A187811C-1732-45C9-9529-FA7F9D274379}" dt="2021-06-15T10:35:39.829" v="11539"/>
          <ac:spMkLst>
            <pc:docMk/>
            <pc:sldMk cId="2133748450" sldId="297"/>
            <ac:spMk id="2" creationId="{851BE180-15AE-45B1-B0CF-CC7E0D357792}"/>
          </ac:spMkLst>
        </pc:spChg>
        <pc:spChg chg="mod">
          <ac:chgData name="Alan Wai Hou Lio" userId="4e2e7dda-a9a8-4e9f-8daf-fb8d3a66df36" providerId="ADAL" clId="{A187811C-1732-45C9-9529-FA7F9D274379}" dt="2021-06-15T10:35:39.830" v="11540"/>
          <ac:spMkLst>
            <pc:docMk/>
            <pc:sldMk cId="2133748450" sldId="297"/>
            <ac:spMk id="3" creationId="{DB544C37-D530-40A5-8756-49C98918214A}"/>
          </ac:spMkLst>
        </pc:spChg>
        <pc:spChg chg="mod">
          <ac:chgData name="Alan Wai Hou Lio" userId="4e2e7dda-a9a8-4e9f-8daf-fb8d3a66df36" providerId="ADAL" clId="{A187811C-1732-45C9-9529-FA7F9D274379}" dt="2021-06-15T10:35:39.833" v="11541" actId="790"/>
          <ac:spMkLst>
            <pc:docMk/>
            <pc:sldMk cId="2133748450" sldId="297"/>
            <ac:spMk id="4" creationId="{F3D6B305-33D3-4D4A-B608-EF3BAE494BC2}"/>
          </ac:spMkLst>
        </pc:spChg>
        <pc:spChg chg="mod">
          <ac:chgData name="Alan Wai Hou Lio" userId="4e2e7dda-a9a8-4e9f-8daf-fb8d3a66df36" providerId="ADAL" clId="{A187811C-1732-45C9-9529-FA7F9D274379}" dt="2021-06-11T20:15:05.935" v="4871" actId="1076"/>
          <ac:spMkLst>
            <pc:docMk/>
            <pc:sldMk cId="2133748450" sldId="297"/>
            <ac:spMk id="10" creationId="{594A7D40-E400-47E3-99A9-6BB7F2A18496}"/>
          </ac:spMkLst>
        </pc:spChg>
        <pc:spChg chg="mod">
          <ac:chgData name="Alan Wai Hou Lio" userId="4e2e7dda-a9a8-4e9f-8daf-fb8d3a66df36" providerId="ADAL" clId="{A187811C-1732-45C9-9529-FA7F9D274379}" dt="2021-06-11T20:15:05.935" v="4871" actId="1076"/>
          <ac:spMkLst>
            <pc:docMk/>
            <pc:sldMk cId="2133748450" sldId="297"/>
            <ac:spMk id="11" creationId="{D35BFA52-4F31-43A4-8AC7-855465A73736}"/>
          </ac:spMkLst>
        </pc:spChg>
        <pc:spChg chg="mod">
          <ac:chgData name="Alan Wai Hou Lio" userId="4e2e7dda-a9a8-4e9f-8daf-fb8d3a66df36" providerId="ADAL" clId="{A187811C-1732-45C9-9529-FA7F9D274379}" dt="2021-06-11T20:15:05.935" v="4871" actId="1076"/>
          <ac:spMkLst>
            <pc:docMk/>
            <pc:sldMk cId="2133748450" sldId="297"/>
            <ac:spMk id="12" creationId="{07D5D59D-CDF5-4444-9E12-183AD1C94EAB}"/>
          </ac:spMkLst>
        </pc:spChg>
        <pc:spChg chg="add mod">
          <ac:chgData name="Alan Wai Hou Lio" userId="4e2e7dda-a9a8-4e9f-8daf-fb8d3a66df36" providerId="ADAL" clId="{A187811C-1732-45C9-9529-FA7F9D274379}" dt="2021-06-12T15:31:48.473" v="6379"/>
          <ac:spMkLst>
            <pc:docMk/>
            <pc:sldMk cId="2133748450" sldId="297"/>
            <ac:spMk id="13" creationId="{629D76B2-68C6-4B0A-B93F-EEF502AD4029}"/>
          </ac:spMkLst>
        </pc:spChg>
        <pc:spChg chg="add mod">
          <ac:chgData name="Alan Wai Hou Lio" userId="4e2e7dda-a9a8-4e9f-8daf-fb8d3a66df36" providerId="ADAL" clId="{A187811C-1732-45C9-9529-FA7F9D274379}" dt="2021-06-11T20:15:05.935" v="4871" actId="1076"/>
          <ac:spMkLst>
            <pc:docMk/>
            <pc:sldMk cId="2133748450" sldId="297"/>
            <ac:spMk id="14" creationId="{F59079F1-8FFB-4D78-ABF1-B8E49F00F620}"/>
          </ac:spMkLst>
        </pc:spChg>
        <pc:spChg chg="mod">
          <ac:chgData name="Alan Wai Hou Lio" userId="4e2e7dda-a9a8-4e9f-8daf-fb8d3a66df36" providerId="ADAL" clId="{A187811C-1732-45C9-9529-FA7F9D274379}" dt="2021-06-11T20:53:36.967" v="5124" actId="20577"/>
          <ac:spMkLst>
            <pc:docMk/>
            <pc:sldMk cId="2133748450" sldId="297"/>
            <ac:spMk id="21" creationId="{E99C6E9E-B2C0-4D86-891A-5C6A162F73E6}"/>
          </ac:spMkLst>
        </pc:spChg>
        <pc:spChg chg="mod">
          <ac:chgData name="Alan Wai Hou Lio" userId="4e2e7dda-a9a8-4e9f-8daf-fb8d3a66df36" providerId="ADAL" clId="{A187811C-1732-45C9-9529-FA7F9D274379}" dt="2021-06-11T20:53:36.967" v="5124" actId="20577"/>
          <ac:spMkLst>
            <pc:docMk/>
            <pc:sldMk cId="2133748450" sldId="297"/>
            <ac:spMk id="22" creationId="{08A56240-C831-44DD-8ED3-380BE92B2963}"/>
          </ac:spMkLst>
        </pc:spChg>
        <pc:grpChg chg="add mod">
          <ac:chgData name="Alan Wai Hou Lio" userId="4e2e7dda-a9a8-4e9f-8daf-fb8d3a66df36" providerId="ADAL" clId="{A187811C-1732-45C9-9529-FA7F9D274379}" dt="2021-06-11T20:15:05.935" v="4871" actId="1076"/>
          <ac:grpSpMkLst>
            <pc:docMk/>
            <pc:sldMk cId="2133748450" sldId="297"/>
            <ac:grpSpMk id="8" creationId="{3831CEBF-CF22-420A-AFD0-2C3BE2740347}"/>
          </ac:grpSpMkLst>
        </pc:grpChg>
        <pc:grpChg chg="add mod">
          <ac:chgData name="Alan Wai Hou Lio" userId="4e2e7dda-a9a8-4e9f-8daf-fb8d3a66df36" providerId="ADAL" clId="{A187811C-1732-45C9-9529-FA7F9D274379}" dt="2021-06-11T20:15:05.935" v="4871" actId="1076"/>
          <ac:grpSpMkLst>
            <pc:docMk/>
            <pc:sldMk cId="2133748450" sldId="297"/>
            <ac:grpSpMk id="15" creationId="{F0F1FD43-5A39-4C54-A90C-352956C0E5B8}"/>
          </ac:grpSpMkLst>
        </pc:grpChg>
        <pc:grpChg chg="add mod">
          <ac:chgData name="Alan Wai Hou Lio" userId="4e2e7dda-a9a8-4e9f-8daf-fb8d3a66df36" providerId="ADAL" clId="{A187811C-1732-45C9-9529-FA7F9D274379}" dt="2021-06-11T20:53:36.967" v="5124" actId="20577"/>
          <ac:grpSpMkLst>
            <pc:docMk/>
            <pc:sldMk cId="2133748450" sldId="297"/>
            <ac:grpSpMk id="18" creationId="{A097DDE9-1452-471D-917B-D4EB44F2718D}"/>
          </ac:grpSpMkLst>
        </pc:grpChg>
        <pc:picChg chg="add del mod">
          <ac:chgData name="Alan Wai Hou Lio" userId="4e2e7dda-a9a8-4e9f-8daf-fb8d3a66df36" providerId="ADAL" clId="{A187811C-1732-45C9-9529-FA7F9D274379}" dt="2021-06-11T13:00:24.722" v="4609" actId="478"/>
          <ac:picMkLst>
            <pc:docMk/>
            <pc:sldMk cId="2133748450" sldId="297"/>
            <ac:picMk id="5" creationId="{B2945294-8D1F-481C-8606-1C84136E059F}"/>
          </ac:picMkLst>
        </pc:picChg>
        <pc:picChg chg="add mod">
          <ac:chgData name="Alan Wai Hou Lio" userId="4e2e7dda-a9a8-4e9f-8daf-fb8d3a66df36" providerId="ADAL" clId="{A187811C-1732-45C9-9529-FA7F9D274379}" dt="2021-06-11T20:15:11.449" v="4873" actId="14100"/>
          <ac:picMkLst>
            <pc:docMk/>
            <pc:sldMk cId="2133748450" sldId="297"/>
            <ac:picMk id="7" creationId="{57823D9C-E772-4681-9494-B43B388CD17F}"/>
          </ac:picMkLst>
        </pc:picChg>
        <pc:picChg chg="mod">
          <ac:chgData name="Alan Wai Hou Lio" userId="4e2e7dda-a9a8-4e9f-8daf-fb8d3a66df36" providerId="ADAL" clId="{A187811C-1732-45C9-9529-FA7F9D274379}" dt="2021-06-11T20:15:05.935" v="4871" actId="1076"/>
          <ac:picMkLst>
            <pc:docMk/>
            <pc:sldMk cId="2133748450" sldId="297"/>
            <ac:picMk id="9" creationId="{59186F45-8DE9-424C-B83C-B4CF999CB3CB}"/>
          </ac:picMkLst>
        </pc:picChg>
        <pc:picChg chg="add del mod">
          <ac:chgData name="Alan Wai Hou Lio" userId="4e2e7dda-a9a8-4e9f-8daf-fb8d3a66df36" providerId="ADAL" clId="{A187811C-1732-45C9-9529-FA7F9D274379}" dt="2021-06-11T20:15:35.157" v="4879" actId="478"/>
          <ac:picMkLst>
            <pc:docMk/>
            <pc:sldMk cId="2133748450" sldId="297"/>
            <ac:picMk id="17" creationId="{2BA556AB-17AE-4E59-B69D-B98B00E863F4}"/>
          </ac:picMkLst>
        </pc:picChg>
        <pc:picChg chg="mod">
          <ac:chgData name="Alan Wai Hou Lio" userId="4e2e7dda-a9a8-4e9f-8daf-fb8d3a66df36" providerId="ADAL" clId="{A187811C-1732-45C9-9529-FA7F9D274379}" dt="2021-06-11T20:53:36.967" v="5124" actId="20577"/>
          <ac:picMkLst>
            <pc:docMk/>
            <pc:sldMk cId="2133748450" sldId="297"/>
            <ac:picMk id="19" creationId="{BC4804B6-6607-4EE3-9A7A-931A82812AA2}"/>
          </ac:picMkLst>
        </pc:picChg>
        <pc:cxnChg chg="add mod">
          <ac:chgData name="Alan Wai Hou Lio" userId="4e2e7dda-a9a8-4e9f-8daf-fb8d3a66df36" providerId="ADAL" clId="{A187811C-1732-45C9-9529-FA7F9D274379}" dt="2021-06-11T20:15:18.531" v="4875" actId="1076"/>
          <ac:cxnSpMkLst>
            <pc:docMk/>
            <pc:sldMk cId="2133748450" sldId="297"/>
            <ac:cxnSpMk id="16" creationId="{01602EB6-CB34-43FC-BA2C-D80AC4BD7FAB}"/>
          </ac:cxnSpMkLst>
        </pc:cxnChg>
        <pc:cxnChg chg="mod">
          <ac:chgData name="Alan Wai Hou Lio" userId="4e2e7dda-a9a8-4e9f-8daf-fb8d3a66df36" providerId="ADAL" clId="{A187811C-1732-45C9-9529-FA7F9D274379}" dt="2021-06-11T20:53:36.967" v="5124" actId="20577"/>
          <ac:cxnSpMkLst>
            <pc:docMk/>
            <pc:sldMk cId="2133748450" sldId="297"/>
            <ac:cxnSpMk id="20" creationId="{15D88D71-425E-4150-8BBD-9BF0EB6B661B}"/>
          </ac:cxnSpMkLst>
        </pc:cxnChg>
      </pc:sldChg>
      <pc:sldChg chg="modSp new del mod">
        <pc:chgData name="Alan Wai Hou Lio" userId="4e2e7dda-a9a8-4e9f-8daf-fb8d3a66df36" providerId="ADAL" clId="{A187811C-1732-45C9-9529-FA7F9D274379}" dt="2021-06-11T11:30:15.220" v="4105" actId="47"/>
        <pc:sldMkLst>
          <pc:docMk/>
          <pc:sldMk cId="2901883485" sldId="297"/>
        </pc:sldMkLst>
        <pc:spChg chg="mod">
          <ac:chgData name="Alan Wai Hou Lio" userId="4e2e7dda-a9a8-4e9f-8daf-fb8d3a66df36" providerId="ADAL" clId="{A187811C-1732-45C9-9529-FA7F9D274379}" dt="2021-06-10T15:08:26.721" v="3461" actId="20577"/>
          <ac:spMkLst>
            <pc:docMk/>
            <pc:sldMk cId="2901883485" sldId="297"/>
            <ac:spMk id="2" creationId="{8204AA89-1261-48B0-B4DA-00C5C696C3CB}"/>
          </ac:spMkLst>
        </pc:spChg>
        <pc:spChg chg="mod">
          <ac:chgData name="Alan Wai Hou Lio" userId="4e2e7dda-a9a8-4e9f-8daf-fb8d3a66df36" providerId="ADAL" clId="{A187811C-1732-45C9-9529-FA7F9D274379}" dt="2021-06-11T11:28:20.587" v="3945" actId="21"/>
          <ac:spMkLst>
            <pc:docMk/>
            <pc:sldMk cId="2901883485" sldId="297"/>
            <ac:spMk id="3" creationId="{7D569B5A-C6F3-4D27-BA3B-E91108E9CE8E}"/>
          </ac:spMkLst>
        </pc:spChg>
      </pc:sldChg>
      <pc:sldChg chg="addSp delSp modSp new mod">
        <pc:chgData name="Alan Wai Hou Lio" userId="4e2e7dda-a9a8-4e9f-8daf-fb8d3a66df36" providerId="ADAL" clId="{A187811C-1732-45C9-9529-FA7F9D274379}" dt="2021-06-15T12:39:38.301" v="11738" actId="1076"/>
        <pc:sldMkLst>
          <pc:docMk/>
          <pc:sldMk cId="1770025371" sldId="298"/>
        </pc:sldMkLst>
        <pc:spChg chg="mod">
          <ac:chgData name="Alan Wai Hou Lio" userId="4e2e7dda-a9a8-4e9f-8daf-fb8d3a66df36" providerId="ADAL" clId="{A187811C-1732-45C9-9529-FA7F9D274379}" dt="2021-06-15T10:35:39.834" v="11542"/>
          <ac:spMkLst>
            <pc:docMk/>
            <pc:sldMk cId="1770025371" sldId="298"/>
            <ac:spMk id="2" creationId="{41127770-4DB1-4526-8A57-C68204F7DFF6}"/>
          </ac:spMkLst>
        </pc:spChg>
        <pc:spChg chg="mod">
          <ac:chgData name="Alan Wai Hou Lio" userId="4e2e7dda-a9a8-4e9f-8daf-fb8d3a66df36" providerId="ADAL" clId="{A187811C-1732-45C9-9529-FA7F9D274379}" dt="2021-06-15T10:35:39.835" v="11543"/>
          <ac:spMkLst>
            <pc:docMk/>
            <pc:sldMk cId="1770025371" sldId="298"/>
            <ac:spMk id="3" creationId="{B0D9C970-D567-4766-83BA-6532DD52CF59}"/>
          </ac:spMkLst>
        </pc:spChg>
        <pc:spChg chg="mod">
          <ac:chgData name="Alan Wai Hou Lio" userId="4e2e7dda-a9a8-4e9f-8daf-fb8d3a66df36" providerId="ADAL" clId="{A187811C-1732-45C9-9529-FA7F9D274379}" dt="2021-06-15T10:35:39.837" v="11544" actId="790"/>
          <ac:spMkLst>
            <pc:docMk/>
            <pc:sldMk cId="1770025371" sldId="298"/>
            <ac:spMk id="4" creationId="{1273E2D3-6A31-479B-9DBD-E2F8B33D2B16}"/>
          </ac:spMkLst>
        </pc:spChg>
        <pc:spChg chg="add mod">
          <ac:chgData name="Alan Wai Hou Lio" userId="4e2e7dda-a9a8-4e9f-8daf-fb8d3a66df36" providerId="ADAL" clId="{A187811C-1732-45C9-9529-FA7F9D274379}" dt="2021-06-15T10:35:39.877" v="11545"/>
          <ac:spMkLst>
            <pc:docMk/>
            <pc:sldMk cId="1770025371" sldId="298"/>
            <ac:spMk id="5" creationId="{04EE7821-3FD9-4046-AD03-97243C278EE3}"/>
          </ac:spMkLst>
        </pc:spChg>
        <pc:spChg chg="add del mod">
          <ac:chgData name="Alan Wai Hou Lio" userId="4e2e7dda-a9a8-4e9f-8daf-fb8d3a66df36" providerId="ADAL" clId="{A187811C-1732-45C9-9529-FA7F9D274379}" dt="2021-06-15T12:36:52.988" v="11726" actId="478"/>
          <ac:spMkLst>
            <pc:docMk/>
            <pc:sldMk cId="1770025371" sldId="298"/>
            <ac:spMk id="6" creationId="{A81C8EFE-3DE8-48B5-9DBA-8372A543B9E2}"/>
          </ac:spMkLst>
        </pc:spChg>
        <pc:spChg chg="add mod">
          <ac:chgData name="Alan Wai Hou Lio" userId="4e2e7dda-a9a8-4e9f-8daf-fb8d3a66df36" providerId="ADAL" clId="{A187811C-1732-45C9-9529-FA7F9D274379}" dt="2021-06-15T12:36:56.326" v="11728" actId="1076"/>
          <ac:spMkLst>
            <pc:docMk/>
            <pc:sldMk cId="1770025371" sldId="298"/>
            <ac:spMk id="7" creationId="{69076D33-36A6-4509-8EFC-68B6CA9D7104}"/>
          </ac:spMkLst>
        </pc:spChg>
        <pc:spChg chg="add mod">
          <ac:chgData name="Alan Wai Hou Lio" userId="4e2e7dda-a9a8-4e9f-8daf-fb8d3a66df36" providerId="ADAL" clId="{A187811C-1732-45C9-9529-FA7F9D274379}" dt="2021-06-15T12:39:38.301" v="11738" actId="1076"/>
          <ac:spMkLst>
            <pc:docMk/>
            <pc:sldMk cId="1770025371" sldId="298"/>
            <ac:spMk id="9" creationId="{5D790EC1-AA6D-4704-B5D1-0CF87380C77D}"/>
          </ac:spMkLst>
        </pc:spChg>
        <pc:spChg chg="add mod">
          <ac:chgData name="Alan Wai Hou Lio" userId="4e2e7dda-a9a8-4e9f-8daf-fb8d3a66df36" providerId="ADAL" clId="{A187811C-1732-45C9-9529-FA7F9D274379}" dt="2021-06-15T12:39:33.743" v="11737" actId="1076"/>
          <ac:spMkLst>
            <pc:docMk/>
            <pc:sldMk cId="1770025371" sldId="298"/>
            <ac:spMk id="10" creationId="{4040633B-945C-432E-ADC9-505D19531B17}"/>
          </ac:spMkLst>
        </pc:spChg>
        <pc:picChg chg="add mod">
          <ac:chgData name="Alan Wai Hou Lio" userId="4e2e7dda-a9a8-4e9f-8daf-fb8d3a66df36" providerId="ADAL" clId="{A187811C-1732-45C9-9529-FA7F9D274379}" dt="2021-06-15T12:37:09.983" v="11732" actId="1076"/>
          <ac:picMkLst>
            <pc:docMk/>
            <pc:sldMk cId="1770025371" sldId="298"/>
            <ac:picMk id="8" creationId="{708778D8-2049-4852-8112-9C638CE29C09}"/>
          </ac:picMkLst>
        </pc:picChg>
      </pc:sldChg>
      <pc:sldChg chg="addSp delSp modSp new mod">
        <pc:chgData name="Alan Wai Hou Lio" userId="4e2e7dda-a9a8-4e9f-8daf-fb8d3a66df36" providerId="ADAL" clId="{A187811C-1732-45C9-9529-FA7F9D274379}" dt="2021-06-15T10:35:39.888" v="11550" actId="790"/>
        <pc:sldMkLst>
          <pc:docMk/>
          <pc:sldMk cId="2374449741" sldId="299"/>
        </pc:sldMkLst>
        <pc:spChg chg="mod">
          <ac:chgData name="Alan Wai Hou Lio" userId="4e2e7dda-a9a8-4e9f-8daf-fb8d3a66df36" providerId="ADAL" clId="{A187811C-1732-45C9-9529-FA7F9D274379}" dt="2021-06-15T10:35:39.878" v="11546"/>
          <ac:spMkLst>
            <pc:docMk/>
            <pc:sldMk cId="2374449741" sldId="299"/>
            <ac:spMk id="2" creationId="{3250E614-E1A7-46B1-A1A9-5F4A1120C1C5}"/>
          </ac:spMkLst>
        </pc:spChg>
        <pc:spChg chg="mod">
          <ac:chgData name="Alan Wai Hou Lio" userId="4e2e7dda-a9a8-4e9f-8daf-fb8d3a66df36" providerId="ADAL" clId="{A187811C-1732-45C9-9529-FA7F9D274379}" dt="2021-06-15T10:35:39.878" v="11547"/>
          <ac:spMkLst>
            <pc:docMk/>
            <pc:sldMk cId="2374449741" sldId="299"/>
            <ac:spMk id="3" creationId="{5FD82632-94F2-4E58-984E-B9BF08D8300C}"/>
          </ac:spMkLst>
        </pc:spChg>
        <pc:spChg chg="mod">
          <ac:chgData name="Alan Wai Hou Lio" userId="4e2e7dda-a9a8-4e9f-8daf-fb8d3a66df36" providerId="ADAL" clId="{A187811C-1732-45C9-9529-FA7F9D274379}" dt="2021-06-15T10:35:39.881" v="11548" actId="790"/>
          <ac:spMkLst>
            <pc:docMk/>
            <pc:sldMk cId="2374449741" sldId="299"/>
            <ac:spMk id="4" creationId="{441F3468-8625-44D1-8DC6-5E7B521BA2BB}"/>
          </ac:spMkLst>
        </pc:spChg>
        <pc:spChg chg="add mod">
          <ac:chgData name="Alan Wai Hou Lio" userId="4e2e7dda-a9a8-4e9f-8daf-fb8d3a66df36" providerId="ADAL" clId="{A187811C-1732-45C9-9529-FA7F9D274379}" dt="2021-06-15T10:35:39.885" v="11549" actId="790"/>
          <ac:spMkLst>
            <pc:docMk/>
            <pc:sldMk cId="2374449741" sldId="299"/>
            <ac:spMk id="9" creationId="{94053725-517D-4780-B068-CCCCB277A1DD}"/>
          </ac:spMkLst>
        </pc:spChg>
        <pc:spChg chg="add mod">
          <ac:chgData name="Alan Wai Hou Lio" userId="4e2e7dda-a9a8-4e9f-8daf-fb8d3a66df36" providerId="ADAL" clId="{A187811C-1732-45C9-9529-FA7F9D274379}" dt="2021-06-15T10:35:39.888" v="11550" actId="790"/>
          <ac:spMkLst>
            <pc:docMk/>
            <pc:sldMk cId="2374449741" sldId="299"/>
            <ac:spMk id="10" creationId="{8B540393-6DE2-48E4-AB2A-1287ACD5F448}"/>
          </ac:spMkLst>
        </pc:spChg>
        <pc:picChg chg="add mod">
          <ac:chgData name="Alan Wai Hou Lio" userId="4e2e7dda-a9a8-4e9f-8daf-fb8d3a66df36" providerId="ADAL" clId="{A187811C-1732-45C9-9529-FA7F9D274379}" dt="2021-06-11T21:02:23.112" v="5132" actId="1076"/>
          <ac:picMkLst>
            <pc:docMk/>
            <pc:sldMk cId="2374449741" sldId="299"/>
            <ac:picMk id="5" creationId="{D4D19A66-53FB-4CE4-AD1C-9DE1714B29FD}"/>
          </ac:picMkLst>
        </pc:picChg>
        <pc:picChg chg="add del">
          <ac:chgData name="Alan Wai Hou Lio" userId="4e2e7dda-a9a8-4e9f-8daf-fb8d3a66df36" providerId="ADAL" clId="{A187811C-1732-45C9-9529-FA7F9D274379}" dt="2021-06-11T20:47:37.180" v="5104"/>
          <ac:picMkLst>
            <pc:docMk/>
            <pc:sldMk cId="2374449741" sldId="299"/>
            <ac:picMk id="6" creationId="{A53C67BF-783D-4EF6-A27B-8B8A54E67E45}"/>
          </ac:picMkLst>
        </pc:picChg>
        <pc:picChg chg="add del mod">
          <ac:chgData name="Alan Wai Hou Lio" userId="4e2e7dda-a9a8-4e9f-8daf-fb8d3a66df36" providerId="ADAL" clId="{A187811C-1732-45C9-9529-FA7F9D274379}" dt="2021-06-11T21:02:17.290" v="5129" actId="478"/>
          <ac:picMkLst>
            <pc:docMk/>
            <pc:sldMk cId="2374449741" sldId="299"/>
            <ac:picMk id="7" creationId="{9189E60F-67D5-4595-BFE6-189572877953}"/>
          </ac:picMkLst>
        </pc:picChg>
        <pc:picChg chg="add mod">
          <ac:chgData name="Alan Wai Hou Lio" userId="4e2e7dda-a9a8-4e9f-8daf-fb8d3a66df36" providerId="ADAL" clId="{A187811C-1732-45C9-9529-FA7F9D274379}" dt="2021-06-11T21:02:20.426" v="5131" actId="14100"/>
          <ac:picMkLst>
            <pc:docMk/>
            <pc:sldMk cId="2374449741" sldId="299"/>
            <ac:picMk id="8" creationId="{95122939-3E0C-4E48-83E7-C8C425EC7315}"/>
          </ac:picMkLst>
        </pc:picChg>
      </pc:sldChg>
      <pc:sldChg chg="addSp delSp modSp new mod modAnim">
        <pc:chgData name="Alan Wai Hou Lio" userId="4e2e7dda-a9a8-4e9f-8daf-fb8d3a66df36" providerId="ADAL" clId="{A187811C-1732-45C9-9529-FA7F9D274379}" dt="2021-06-15T14:26:21.184" v="11749" actId="20577"/>
        <pc:sldMkLst>
          <pc:docMk/>
          <pc:sldMk cId="3090972430" sldId="300"/>
        </pc:sldMkLst>
        <pc:spChg chg="mod">
          <ac:chgData name="Alan Wai Hou Lio" userId="4e2e7dda-a9a8-4e9f-8daf-fb8d3a66df36" providerId="ADAL" clId="{A187811C-1732-45C9-9529-FA7F9D274379}" dt="2021-06-15T10:35:39.993" v="11584"/>
          <ac:spMkLst>
            <pc:docMk/>
            <pc:sldMk cId="3090972430" sldId="300"/>
            <ac:spMk id="2" creationId="{3B911B60-9642-4BB8-A1FB-CE5FF1653848}"/>
          </ac:spMkLst>
        </pc:spChg>
        <pc:spChg chg="mod">
          <ac:chgData name="Alan Wai Hou Lio" userId="4e2e7dda-a9a8-4e9f-8daf-fb8d3a66df36" providerId="ADAL" clId="{A187811C-1732-45C9-9529-FA7F9D274379}" dt="2021-06-15T10:35:39.994" v="11585"/>
          <ac:spMkLst>
            <pc:docMk/>
            <pc:sldMk cId="3090972430" sldId="300"/>
            <ac:spMk id="3" creationId="{FF6ECDB4-5774-48E2-B195-A9412A927804}"/>
          </ac:spMkLst>
        </pc:spChg>
        <pc:spChg chg="mod">
          <ac:chgData name="Alan Wai Hou Lio" userId="4e2e7dda-a9a8-4e9f-8daf-fb8d3a66df36" providerId="ADAL" clId="{A187811C-1732-45C9-9529-FA7F9D274379}" dt="2021-06-15T10:35:39.997" v="11586" actId="790"/>
          <ac:spMkLst>
            <pc:docMk/>
            <pc:sldMk cId="3090972430" sldId="300"/>
            <ac:spMk id="4" creationId="{9C405C84-592C-4703-B247-76A91BDA91D5}"/>
          </ac:spMkLst>
        </pc:spChg>
        <pc:spChg chg="add mod">
          <ac:chgData name="Alan Wai Hou Lio" userId="4e2e7dda-a9a8-4e9f-8daf-fb8d3a66df36" providerId="ADAL" clId="{A187811C-1732-45C9-9529-FA7F9D274379}" dt="2021-06-15T14:26:21.184" v="11749" actId="20577"/>
          <ac:spMkLst>
            <pc:docMk/>
            <pc:sldMk cId="3090972430" sldId="300"/>
            <ac:spMk id="6" creationId="{F7DD0D05-FBA5-414A-B02D-674CD3CFF9DE}"/>
          </ac:spMkLst>
        </pc:spChg>
        <pc:spChg chg="add mod">
          <ac:chgData name="Alan Wai Hou Lio" userId="4e2e7dda-a9a8-4e9f-8daf-fb8d3a66df36" providerId="ADAL" clId="{A187811C-1732-45C9-9529-FA7F9D274379}" dt="2021-06-15T10:35:40.043" v="11588"/>
          <ac:spMkLst>
            <pc:docMk/>
            <pc:sldMk cId="3090972430" sldId="300"/>
            <ac:spMk id="7" creationId="{0429E835-D607-426B-9269-4D81E927F245}"/>
          </ac:spMkLst>
        </pc:spChg>
        <pc:spChg chg="add mod">
          <ac:chgData name="Alan Wai Hou Lio" userId="4e2e7dda-a9a8-4e9f-8daf-fb8d3a66df36" providerId="ADAL" clId="{A187811C-1732-45C9-9529-FA7F9D274379}" dt="2021-06-15T10:35:40.045" v="11589"/>
          <ac:spMkLst>
            <pc:docMk/>
            <pc:sldMk cId="3090972430" sldId="300"/>
            <ac:spMk id="8" creationId="{43674156-2DCE-44B8-8A27-674ABF1964E8}"/>
          </ac:spMkLst>
        </pc:spChg>
        <pc:picChg chg="add del mod">
          <ac:chgData name="Alan Wai Hou Lio" userId="4e2e7dda-a9a8-4e9f-8daf-fb8d3a66df36" providerId="ADAL" clId="{A187811C-1732-45C9-9529-FA7F9D274379}" dt="2021-06-12T15:15:36.440" v="5767" actId="478"/>
          <ac:picMkLst>
            <pc:docMk/>
            <pc:sldMk cId="3090972430" sldId="300"/>
            <ac:picMk id="5" creationId="{F5BFD1C3-55CD-4C4B-94B4-C62476D805A6}"/>
          </ac:picMkLst>
        </pc:picChg>
      </pc:sldChg>
      <pc:sldChg chg="addSp delSp modSp add mod delAnim modAnim modNotesTx">
        <pc:chgData name="Alan Wai Hou Lio" userId="4e2e7dda-a9a8-4e9f-8daf-fb8d3a66df36" providerId="ADAL" clId="{A187811C-1732-45C9-9529-FA7F9D274379}" dt="2021-06-15T14:33:52.449" v="11873" actId="20577"/>
        <pc:sldMkLst>
          <pc:docMk/>
          <pc:sldMk cId="378723047" sldId="301"/>
        </pc:sldMkLst>
        <pc:spChg chg="add del mod">
          <ac:chgData name="Alan Wai Hou Lio" userId="4e2e7dda-a9a8-4e9f-8daf-fb8d3a66df36" providerId="ADAL" clId="{A187811C-1732-45C9-9529-FA7F9D274379}" dt="2021-06-12T15:17:30.621" v="5836"/>
          <ac:spMkLst>
            <pc:docMk/>
            <pc:sldMk cId="378723047" sldId="301"/>
            <ac:spMk id="2" creationId="{2BFBCE3C-BC6E-44DC-86E9-12BD47946C90}"/>
          </ac:spMkLst>
        </pc:spChg>
        <pc:spChg chg="mod">
          <ac:chgData name="Alan Wai Hou Lio" userId="4e2e7dda-a9a8-4e9f-8daf-fb8d3a66df36" providerId="ADAL" clId="{A187811C-1732-45C9-9529-FA7F9D274379}" dt="2021-06-15T10:35:40.184" v="11616" actId="790"/>
          <ac:spMkLst>
            <pc:docMk/>
            <pc:sldMk cId="378723047" sldId="301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186" v="11617"/>
          <ac:spMkLst>
            <pc:docMk/>
            <pc:sldMk cId="378723047" sldId="301"/>
            <ac:spMk id="5" creationId="{00000000-0000-0000-0000-000000000000}"/>
          </ac:spMkLst>
        </pc:spChg>
        <pc:spChg chg="add del mod">
          <ac:chgData name="Alan Wai Hou Lio" userId="4e2e7dda-a9a8-4e9f-8daf-fb8d3a66df36" providerId="ADAL" clId="{A187811C-1732-45C9-9529-FA7F9D274379}" dt="2021-06-12T16:26:48.069" v="7513" actId="478"/>
          <ac:spMkLst>
            <pc:docMk/>
            <pc:sldMk cId="378723047" sldId="301"/>
            <ac:spMk id="7" creationId="{A7FBF7CB-C133-4F42-97D7-149C3D3AA68E}"/>
          </ac:spMkLst>
        </pc:spChg>
        <pc:spChg chg="del mod">
          <ac:chgData name="Alan Wai Hou Lio" userId="4e2e7dda-a9a8-4e9f-8daf-fb8d3a66df36" providerId="ADAL" clId="{A187811C-1732-45C9-9529-FA7F9D274379}" dt="2021-06-12T15:17:20.819" v="5827"/>
          <ac:spMkLst>
            <pc:docMk/>
            <pc:sldMk cId="378723047" sldId="301"/>
            <ac:spMk id="18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5T10:35:40.188" v="11618"/>
          <ac:spMkLst>
            <pc:docMk/>
            <pc:sldMk cId="378723047" sldId="301"/>
            <ac:spMk id="19" creationId="{477D01CF-BF49-44C2-80C4-1E93E1D79A3D}"/>
          </ac:spMkLst>
        </pc:spChg>
        <pc:spChg chg="add mod">
          <ac:chgData name="Alan Wai Hou Lio" userId="4e2e7dda-a9a8-4e9f-8daf-fb8d3a66df36" providerId="ADAL" clId="{A187811C-1732-45C9-9529-FA7F9D274379}" dt="2021-06-15T10:35:40.200" v="11619"/>
          <ac:spMkLst>
            <pc:docMk/>
            <pc:sldMk cId="378723047" sldId="301"/>
            <ac:spMk id="21" creationId="{86ED91CE-28E3-4B27-A0B9-50276AB55557}"/>
          </ac:spMkLst>
        </pc:spChg>
        <pc:spChg chg="add mod">
          <ac:chgData name="Alan Wai Hou Lio" userId="4e2e7dda-a9a8-4e9f-8daf-fb8d3a66df36" providerId="ADAL" clId="{A187811C-1732-45C9-9529-FA7F9D274379}" dt="2021-06-15T10:35:40.213" v="11620"/>
          <ac:spMkLst>
            <pc:docMk/>
            <pc:sldMk cId="378723047" sldId="301"/>
            <ac:spMk id="22" creationId="{06487B53-161C-467F-82B4-CF72807FBA9F}"/>
          </ac:spMkLst>
        </pc:spChg>
        <pc:spChg chg="add mod">
          <ac:chgData name="Alan Wai Hou Lio" userId="4e2e7dda-a9a8-4e9f-8daf-fb8d3a66df36" providerId="ADAL" clId="{A187811C-1732-45C9-9529-FA7F9D274379}" dt="2021-06-15T10:35:40.221" v="11621"/>
          <ac:spMkLst>
            <pc:docMk/>
            <pc:sldMk cId="378723047" sldId="301"/>
            <ac:spMk id="23" creationId="{C9FC9D27-6A52-4D42-BD7D-B1C7AA4C71AC}"/>
          </ac:spMkLst>
        </pc:spChg>
        <pc:spChg chg="add del mod">
          <ac:chgData name="Alan Wai Hou Lio" userId="4e2e7dda-a9a8-4e9f-8daf-fb8d3a66df36" providerId="ADAL" clId="{A187811C-1732-45C9-9529-FA7F9D274379}" dt="2021-06-12T16:27:08.213" v="7539" actId="478"/>
          <ac:spMkLst>
            <pc:docMk/>
            <pc:sldMk cId="378723047" sldId="301"/>
            <ac:spMk id="24" creationId="{C90688BF-D428-417C-B253-2764EF261B58}"/>
          </ac:spMkLst>
        </pc:spChg>
        <pc:spChg chg="add mod">
          <ac:chgData name="Alan Wai Hou Lio" userId="4e2e7dda-a9a8-4e9f-8daf-fb8d3a66df36" providerId="ADAL" clId="{A187811C-1732-45C9-9529-FA7F9D274379}" dt="2021-06-15T10:35:40.224" v="11622" actId="790"/>
          <ac:spMkLst>
            <pc:docMk/>
            <pc:sldMk cId="378723047" sldId="301"/>
            <ac:spMk id="25" creationId="{068A578B-5963-43B2-A204-5A5A060C3983}"/>
          </ac:spMkLst>
        </pc:spChg>
        <pc:spChg chg="add del mod">
          <ac:chgData name="Alan Wai Hou Lio" userId="4e2e7dda-a9a8-4e9f-8daf-fb8d3a66df36" providerId="ADAL" clId="{A187811C-1732-45C9-9529-FA7F9D274379}" dt="2021-06-12T16:31:23.725" v="7859" actId="478"/>
          <ac:spMkLst>
            <pc:docMk/>
            <pc:sldMk cId="378723047" sldId="301"/>
            <ac:spMk id="26" creationId="{58735AB7-3415-4010-B0F5-8E522D189CE9}"/>
          </ac:spMkLst>
        </pc:spChg>
        <pc:spChg chg="add mod">
          <ac:chgData name="Alan Wai Hou Lio" userId="4e2e7dda-a9a8-4e9f-8daf-fb8d3a66df36" providerId="ADAL" clId="{A187811C-1732-45C9-9529-FA7F9D274379}" dt="2021-06-15T10:35:40.226" v="11623" actId="790"/>
          <ac:spMkLst>
            <pc:docMk/>
            <pc:sldMk cId="378723047" sldId="301"/>
            <ac:spMk id="27" creationId="{00FDEADC-CA85-45BF-9805-67B82504619E}"/>
          </ac:spMkLst>
        </pc:spChg>
        <pc:grpChg chg="del">
          <ac:chgData name="Alan Wai Hou Lio" userId="4e2e7dda-a9a8-4e9f-8daf-fb8d3a66df36" providerId="ADAL" clId="{A187811C-1732-45C9-9529-FA7F9D274379}" dt="2021-06-12T15:17:17.249" v="5823" actId="478"/>
          <ac:grpSpMkLst>
            <pc:docMk/>
            <pc:sldMk cId="378723047" sldId="301"/>
            <ac:grpSpMk id="17" creationId="{00000000-0000-0000-0000-000000000000}"/>
          </ac:grpSpMkLst>
        </pc:grpChg>
        <pc:picChg chg="add del mod">
          <ac:chgData name="Alan Wai Hou Lio" userId="4e2e7dda-a9a8-4e9f-8daf-fb8d3a66df36" providerId="ADAL" clId="{A187811C-1732-45C9-9529-FA7F9D274379}" dt="2021-06-12T15:21:01.080" v="5887" actId="478"/>
          <ac:picMkLst>
            <pc:docMk/>
            <pc:sldMk cId="378723047" sldId="301"/>
            <ac:picMk id="3" creationId="{2A8CA241-748C-4BD6-A48D-5A2CFA460BEC}"/>
          </ac:picMkLst>
        </pc:picChg>
        <pc:picChg chg="del">
          <ac:chgData name="Alan Wai Hou Lio" userId="4e2e7dda-a9a8-4e9f-8daf-fb8d3a66df36" providerId="ADAL" clId="{A187811C-1732-45C9-9529-FA7F9D274379}" dt="2021-06-12T15:17:18.672" v="5824" actId="478"/>
          <ac:picMkLst>
            <pc:docMk/>
            <pc:sldMk cId="378723047" sldId="301"/>
            <ac:picMk id="6" creationId="{00000000-0000-0000-0000-000000000000}"/>
          </ac:picMkLst>
        </pc:picChg>
        <pc:picChg chg="add mod">
          <ac:chgData name="Alan Wai Hou Lio" userId="4e2e7dda-a9a8-4e9f-8daf-fb8d3a66df36" providerId="ADAL" clId="{A187811C-1732-45C9-9529-FA7F9D274379}" dt="2021-06-12T16:31:39.897" v="7863" actId="1076"/>
          <ac:picMkLst>
            <pc:docMk/>
            <pc:sldMk cId="378723047" sldId="301"/>
            <ac:picMk id="20" creationId="{98891B9C-9D37-494E-A442-C0D849514009}"/>
          </ac:picMkLst>
        </pc:picChg>
      </pc:sldChg>
      <pc:sldChg chg="addSp modSp new del mod ord">
        <pc:chgData name="Alan Wai Hou Lio" userId="4e2e7dda-a9a8-4e9f-8daf-fb8d3a66df36" providerId="ADAL" clId="{A187811C-1732-45C9-9529-FA7F9D274379}" dt="2021-06-12T16:39:58.705" v="8378" actId="47"/>
        <pc:sldMkLst>
          <pc:docMk/>
          <pc:sldMk cId="2418968334" sldId="302"/>
        </pc:sldMkLst>
        <pc:spChg chg="mod">
          <ac:chgData name="Alan Wai Hou Lio" userId="4e2e7dda-a9a8-4e9f-8daf-fb8d3a66df36" providerId="ADAL" clId="{A187811C-1732-45C9-9529-FA7F9D274379}" dt="2021-06-12T16:28:04.923" v="7627" actId="20577"/>
          <ac:spMkLst>
            <pc:docMk/>
            <pc:sldMk cId="2418968334" sldId="302"/>
            <ac:spMk id="2" creationId="{CAB5C19C-3B2E-4EAA-A209-507569DCE306}"/>
          </ac:spMkLst>
        </pc:spChg>
        <pc:spChg chg="mod">
          <ac:chgData name="Alan Wai Hou Lio" userId="4e2e7dda-a9a8-4e9f-8daf-fb8d3a66df36" providerId="ADAL" clId="{A187811C-1732-45C9-9529-FA7F9D274379}" dt="2021-06-12T16:28:07.393" v="7628" actId="1076"/>
          <ac:spMkLst>
            <pc:docMk/>
            <pc:sldMk cId="2418968334" sldId="302"/>
            <ac:spMk id="3" creationId="{761A3D01-C51C-4AC6-96BF-BCED705AB593}"/>
          </ac:spMkLst>
        </pc:spChg>
        <pc:spChg chg="add mod">
          <ac:chgData name="Alan Wai Hou Lio" userId="4e2e7dda-a9a8-4e9f-8daf-fb8d3a66df36" providerId="ADAL" clId="{A187811C-1732-45C9-9529-FA7F9D274379}" dt="2021-06-12T16:28:31.445" v="7687" actId="5793"/>
          <ac:spMkLst>
            <pc:docMk/>
            <pc:sldMk cId="2418968334" sldId="302"/>
            <ac:spMk id="5" creationId="{D5196937-EA67-404F-B5CE-AD65FD69E33C}"/>
          </ac:spMkLst>
        </pc:spChg>
      </pc:sldChg>
      <pc:sldChg chg="addSp modSp new del mod modAnim">
        <pc:chgData name="Alan Wai Hou Lio" userId="4e2e7dda-a9a8-4e9f-8daf-fb8d3a66df36" providerId="ADAL" clId="{A187811C-1732-45C9-9529-FA7F9D274379}" dt="2021-06-12T15:45:25.575" v="6849" actId="47"/>
        <pc:sldMkLst>
          <pc:docMk/>
          <pc:sldMk cId="2767235193" sldId="302"/>
        </pc:sldMkLst>
        <pc:spChg chg="add mod">
          <ac:chgData name="Alan Wai Hou Lio" userId="4e2e7dda-a9a8-4e9f-8daf-fb8d3a66df36" providerId="ADAL" clId="{A187811C-1732-45C9-9529-FA7F9D274379}" dt="2021-06-12T15:26:26.605" v="6043"/>
          <ac:spMkLst>
            <pc:docMk/>
            <pc:sldMk cId="2767235193" sldId="302"/>
            <ac:spMk id="5" creationId="{6DE1C86B-C430-4191-8C43-0F5688D64379}"/>
          </ac:spMkLst>
        </pc:spChg>
        <pc:spChg chg="add mod">
          <ac:chgData name="Alan Wai Hou Lio" userId="4e2e7dda-a9a8-4e9f-8daf-fb8d3a66df36" providerId="ADAL" clId="{A187811C-1732-45C9-9529-FA7F9D274379}" dt="2021-06-12T15:43:17.586" v="6772" actId="1076"/>
          <ac:spMkLst>
            <pc:docMk/>
            <pc:sldMk cId="2767235193" sldId="302"/>
            <ac:spMk id="6" creationId="{B7CD0E57-74E2-44B9-8C82-539AD9C6EFC7}"/>
          </ac:spMkLst>
        </pc:spChg>
        <pc:spChg chg="add mod">
          <ac:chgData name="Alan Wai Hou Lio" userId="4e2e7dda-a9a8-4e9f-8daf-fb8d3a66df36" providerId="ADAL" clId="{A187811C-1732-45C9-9529-FA7F9D274379}" dt="2021-06-12T15:26:26.605" v="6043"/>
          <ac:spMkLst>
            <pc:docMk/>
            <pc:sldMk cId="2767235193" sldId="302"/>
            <ac:spMk id="7" creationId="{17FC0E87-8C83-4041-89E0-B3F43C31B46F}"/>
          </ac:spMkLst>
        </pc:spChg>
        <pc:spChg chg="add mod">
          <ac:chgData name="Alan Wai Hou Lio" userId="4e2e7dda-a9a8-4e9f-8daf-fb8d3a66df36" providerId="ADAL" clId="{A187811C-1732-45C9-9529-FA7F9D274379}" dt="2021-06-12T15:26:26.605" v="6043"/>
          <ac:spMkLst>
            <pc:docMk/>
            <pc:sldMk cId="2767235193" sldId="302"/>
            <ac:spMk id="10" creationId="{337F0C4A-99AA-4267-9703-4362B4607C30}"/>
          </ac:spMkLst>
        </pc:spChg>
        <pc:spChg chg="add mod">
          <ac:chgData name="Alan Wai Hou Lio" userId="4e2e7dda-a9a8-4e9f-8daf-fb8d3a66df36" providerId="ADAL" clId="{A187811C-1732-45C9-9529-FA7F9D274379}" dt="2021-06-12T15:43:12.775" v="6770" actId="1076"/>
          <ac:spMkLst>
            <pc:docMk/>
            <pc:sldMk cId="2767235193" sldId="302"/>
            <ac:spMk id="11" creationId="{70B2F683-1917-441F-B1B1-DD0BE1F960CE}"/>
          </ac:spMkLst>
        </pc:spChg>
        <pc:spChg chg="add mod">
          <ac:chgData name="Alan Wai Hou Lio" userId="4e2e7dda-a9a8-4e9f-8daf-fb8d3a66df36" providerId="ADAL" clId="{A187811C-1732-45C9-9529-FA7F9D274379}" dt="2021-06-12T15:43:19.943" v="6773" actId="1076"/>
          <ac:spMkLst>
            <pc:docMk/>
            <pc:sldMk cId="2767235193" sldId="302"/>
            <ac:spMk id="12" creationId="{CBEF8AB2-5F6A-461B-BEB5-C2327274FA5C}"/>
          </ac:spMkLst>
        </pc:spChg>
        <pc:cxnChg chg="add mod">
          <ac:chgData name="Alan Wai Hou Lio" userId="4e2e7dda-a9a8-4e9f-8daf-fb8d3a66df36" providerId="ADAL" clId="{A187811C-1732-45C9-9529-FA7F9D274379}" dt="2021-06-12T15:26:26.605" v="6043"/>
          <ac:cxnSpMkLst>
            <pc:docMk/>
            <pc:sldMk cId="2767235193" sldId="302"/>
            <ac:cxnSpMk id="8" creationId="{1A58E757-6373-4AB0-81A8-6DC2BCC395D7}"/>
          </ac:cxnSpMkLst>
        </pc:cxnChg>
        <pc:cxnChg chg="add mod">
          <ac:chgData name="Alan Wai Hou Lio" userId="4e2e7dda-a9a8-4e9f-8daf-fb8d3a66df36" providerId="ADAL" clId="{A187811C-1732-45C9-9529-FA7F9D274379}" dt="2021-06-12T15:43:17.586" v="6772" actId="1076"/>
          <ac:cxnSpMkLst>
            <pc:docMk/>
            <pc:sldMk cId="2767235193" sldId="302"/>
            <ac:cxnSpMk id="9" creationId="{0BE2E20A-BFDB-459F-9463-60AD542C12F7}"/>
          </ac:cxnSpMkLst>
        </pc:cxnChg>
      </pc:sldChg>
      <pc:sldChg chg="addSp delSp modSp new mod">
        <pc:chgData name="Alan Wai Hou Lio" userId="4e2e7dda-a9a8-4e9f-8daf-fb8d3a66df36" providerId="ADAL" clId="{A187811C-1732-45C9-9529-FA7F9D274379}" dt="2021-06-15T14:27:12.518" v="11774" actId="20577"/>
        <pc:sldMkLst>
          <pc:docMk/>
          <pc:sldMk cId="1994545103" sldId="303"/>
        </pc:sldMkLst>
        <pc:spChg chg="mod">
          <ac:chgData name="Alan Wai Hou Lio" userId="4e2e7dda-a9a8-4e9f-8daf-fb8d3a66df36" providerId="ADAL" clId="{A187811C-1732-45C9-9529-FA7F9D274379}" dt="2021-06-15T10:35:40.310" v="11635"/>
          <ac:spMkLst>
            <pc:docMk/>
            <pc:sldMk cId="1994545103" sldId="303"/>
            <ac:spMk id="2" creationId="{1B61E20B-62A7-4EBC-9795-87F7BBF77F3A}"/>
          </ac:spMkLst>
        </pc:spChg>
        <pc:spChg chg="mod">
          <ac:chgData name="Alan Wai Hou Lio" userId="4e2e7dda-a9a8-4e9f-8daf-fb8d3a66df36" providerId="ADAL" clId="{A187811C-1732-45C9-9529-FA7F9D274379}" dt="2021-06-15T10:35:40.310" v="11636"/>
          <ac:spMkLst>
            <pc:docMk/>
            <pc:sldMk cId="1994545103" sldId="303"/>
            <ac:spMk id="3" creationId="{E23036C2-C1B9-4FBE-8B62-7543B9D7123F}"/>
          </ac:spMkLst>
        </pc:spChg>
        <pc:spChg chg="mod">
          <ac:chgData name="Alan Wai Hou Lio" userId="4e2e7dda-a9a8-4e9f-8daf-fb8d3a66df36" providerId="ADAL" clId="{A187811C-1732-45C9-9529-FA7F9D274379}" dt="2021-06-15T10:35:40.313" v="11637" actId="790"/>
          <ac:spMkLst>
            <pc:docMk/>
            <pc:sldMk cId="1994545103" sldId="303"/>
            <ac:spMk id="4" creationId="{1F170E6C-EE91-4C34-ACF6-53745CF48E91}"/>
          </ac:spMkLst>
        </pc:spChg>
        <pc:spChg chg="add mod">
          <ac:chgData name="Alan Wai Hou Lio" userId="4e2e7dda-a9a8-4e9f-8daf-fb8d3a66df36" providerId="ADAL" clId="{A187811C-1732-45C9-9529-FA7F9D274379}" dt="2021-06-15T10:35:40.330" v="11638" actId="790"/>
          <ac:spMkLst>
            <pc:docMk/>
            <pc:sldMk cId="1994545103" sldId="303"/>
            <ac:spMk id="5" creationId="{BA80A2B1-37C4-4B19-891D-2FC08F20BF70}"/>
          </ac:spMkLst>
        </pc:spChg>
        <pc:spChg chg="add mod">
          <ac:chgData name="Alan Wai Hou Lio" userId="4e2e7dda-a9a8-4e9f-8daf-fb8d3a66df36" providerId="ADAL" clId="{A187811C-1732-45C9-9529-FA7F9D274379}" dt="2021-06-15T14:27:12.518" v="11774" actId="20577"/>
          <ac:spMkLst>
            <pc:docMk/>
            <pc:sldMk cId="1994545103" sldId="303"/>
            <ac:spMk id="6" creationId="{0934518E-FB8A-4E5D-96EF-A25A2622879B}"/>
          </ac:spMkLst>
        </pc:spChg>
        <pc:spChg chg="add mod">
          <ac:chgData name="Alan Wai Hou Lio" userId="4e2e7dda-a9a8-4e9f-8daf-fb8d3a66df36" providerId="ADAL" clId="{A187811C-1732-45C9-9529-FA7F9D274379}" dt="2021-06-15T10:35:40.378" v="11640"/>
          <ac:spMkLst>
            <pc:docMk/>
            <pc:sldMk cId="1994545103" sldId="303"/>
            <ac:spMk id="7" creationId="{7B81A176-4050-4959-BAB7-E9F6D18DAA5C}"/>
          </ac:spMkLst>
        </pc:spChg>
        <pc:spChg chg="add mod">
          <ac:chgData name="Alan Wai Hou Lio" userId="4e2e7dda-a9a8-4e9f-8daf-fb8d3a66df36" providerId="ADAL" clId="{A187811C-1732-45C9-9529-FA7F9D274379}" dt="2021-06-15T10:35:40.381" v="11641" actId="790"/>
          <ac:spMkLst>
            <pc:docMk/>
            <pc:sldMk cId="1994545103" sldId="303"/>
            <ac:spMk id="8" creationId="{D461359A-2369-4A0A-8BC6-D19B1A65C0D6}"/>
          </ac:spMkLst>
        </pc:spChg>
        <pc:spChg chg="add mod">
          <ac:chgData name="Alan Wai Hou Lio" userId="4e2e7dda-a9a8-4e9f-8daf-fb8d3a66df36" providerId="ADAL" clId="{A187811C-1732-45C9-9529-FA7F9D274379}" dt="2021-06-15T10:35:40.384" v="11642" actId="790"/>
          <ac:spMkLst>
            <pc:docMk/>
            <pc:sldMk cId="1994545103" sldId="303"/>
            <ac:spMk id="9" creationId="{D4AE745D-3CB0-42AB-87C2-9C664F6027FA}"/>
          </ac:spMkLst>
        </pc:spChg>
        <pc:inkChg chg="add del">
          <ac:chgData name="Alan Wai Hou Lio" userId="4e2e7dda-a9a8-4e9f-8daf-fb8d3a66df36" providerId="ADAL" clId="{A187811C-1732-45C9-9529-FA7F9D274379}" dt="2021-06-15T14:25:32.073" v="11740" actId="478"/>
          <ac:inkMkLst>
            <pc:docMk/>
            <pc:sldMk cId="1994545103" sldId="303"/>
            <ac:inkMk id="10" creationId="{25AB6A97-F745-49FB-B3AF-C19B441C4240}"/>
          </ac:inkMkLst>
        </pc:inkChg>
      </pc:sldChg>
      <pc:sldChg chg="addSp modSp new mod modNotesTx">
        <pc:chgData name="Alan Wai Hou Lio" userId="4e2e7dda-a9a8-4e9f-8daf-fb8d3a66df36" providerId="ADAL" clId="{A187811C-1732-45C9-9529-FA7F9D274379}" dt="2021-06-15T10:35:40.309" v="11634" actId="790"/>
        <pc:sldMkLst>
          <pc:docMk/>
          <pc:sldMk cId="1416168423" sldId="304"/>
        </pc:sldMkLst>
        <pc:spChg chg="mod">
          <ac:chgData name="Alan Wai Hou Lio" userId="4e2e7dda-a9a8-4e9f-8daf-fb8d3a66df36" providerId="ADAL" clId="{A187811C-1732-45C9-9529-FA7F9D274379}" dt="2021-06-15T10:35:40.297" v="11631"/>
          <ac:spMkLst>
            <pc:docMk/>
            <pc:sldMk cId="1416168423" sldId="304"/>
            <ac:spMk id="2" creationId="{A0A16252-C9AE-4822-A79B-900F3845AFF8}"/>
          </ac:spMkLst>
        </pc:spChg>
        <pc:spChg chg="mod">
          <ac:chgData name="Alan Wai Hou Lio" userId="4e2e7dda-a9a8-4e9f-8daf-fb8d3a66df36" providerId="ADAL" clId="{A187811C-1732-45C9-9529-FA7F9D274379}" dt="2021-06-15T10:35:40.298" v="11632"/>
          <ac:spMkLst>
            <pc:docMk/>
            <pc:sldMk cId="1416168423" sldId="304"/>
            <ac:spMk id="3" creationId="{981FF8B7-A6DB-425F-BC7D-E760B80737D5}"/>
          </ac:spMkLst>
        </pc:spChg>
        <pc:spChg chg="mod">
          <ac:chgData name="Alan Wai Hou Lio" userId="4e2e7dda-a9a8-4e9f-8daf-fb8d3a66df36" providerId="ADAL" clId="{A187811C-1732-45C9-9529-FA7F9D274379}" dt="2021-06-15T10:35:40.300" v="11633" actId="790"/>
          <ac:spMkLst>
            <pc:docMk/>
            <pc:sldMk cId="1416168423" sldId="304"/>
            <ac:spMk id="4" creationId="{4879C20B-C0CB-4D3A-8CF3-172658F90630}"/>
          </ac:spMkLst>
        </pc:spChg>
        <pc:spChg chg="add mod">
          <ac:chgData name="Alan Wai Hou Lio" userId="4e2e7dda-a9a8-4e9f-8daf-fb8d3a66df36" providerId="ADAL" clId="{A187811C-1732-45C9-9529-FA7F9D274379}" dt="2021-06-15T10:35:40.309" v="11634" actId="790"/>
          <ac:spMkLst>
            <pc:docMk/>
            <pc:sldMk cId="1416168423" sldId="304"/>
            <ac:spMk id="5" creationId="{008A611E-182C-4FC6-82A8-E14D3A3C2A2B}"/>
          </ac:spMkLst>
        </pc:spChg>
      </pc:sldChg>
      <pc:sldChg chg="addSp modSp new del mod">
        <pc:chgData name="Alan Wai Hou Lio" userId="4e2e7dda-a9a8-4e9f-8daf-fb8d3a66df36" providerId="ADAL" clId="{A187811C-1732-45C9-9529-FA7F9D274379}" dt="2021-06-14T08:45:47.910" v="9225" actId="47"/>
        <pc:sldMkLst>
          <pc:docMk/>
          <pc:sldMk cId="3249225597" sldId="304"/>
        </pc:sldMkLst>
        <pc:spChg chg="mod">
          <ac:chgData name="Alan Wai Hou Lio" userId="4e2e7dda-a9a8-4e9f-8daf-fb8d3a66df36" providerId="ADAL" clId="{A187811C-1732-45C9-9529-FA7F9D274379}" dt="2021-06-14T08:45:24.073" v="9223" actId="20577"/>
          <ac:spMkLst>
            <pc:docMk/>
            <pc:sldMk cId="3249225597" sldId="304"/>
            <ac:spMk id="2" creationId="{8CF60331-74F6-4AD7-B0AB-139882C2D821}"/>
          </ac:spMkLst>
        </pc:spChg>
        <pc:spChg chg="add mod">
          <ac:chgData name="Alan Wai Hou Lio" userId="4e2e7dda-a9a8-4e9f-8daf-fb8d3a66df36" providerId="ADAL" clId="{A187811C-1732-45C9-9529-FA7F9D274379}" dt="2021-06-14T08:45:29.077" v="9224"/>
          <ac:spMkLst>
            <pc:docMk/>
            <pc:sldMk cId="3249225597" sldId="304"/>
            <ac:spMk id="5" creationId="{46758E8B-DC0F-4277-AADE-996E1388822F}"/>
          </ac:spMkLst>
        </pc:spChg>
      </pc:sldChg>
      <pc:sldChg chg="addSp delSp modSp new mod modNotesTx">
        <pc:chgData name="Alan Wai Hou Lio" userId="4e2e7dda-a9a8-4e9f-8daf-fb8d3a66df36" providerId="ADAL" clId="{A187811C-1732-45C9-9529-FA7F9D274379}" dt="2021-06-15T10:35:40.394" v="11646" actId="790"/>
        <pc:sldMkLst>
          <pc:docMk/>
          <pc:sldMk cId="2828242937" sldId="305"/>
        </pc:sldMkLst>
        <pc:spChg chg="mod">
          <ac:chgData name="Alan Wai Hou Lio" userId="4e2e7dda-a9a8-4e9f-8daf-fb8d3a66df36" providerId="ADAL" clId="{A187811C-1732-45C9-9529-FA7F9D274379}" dt="2021-06-15T10:35:40.384" v="11643"/>
          <ac:spMkLst>
            <pc:docMk/>
            <pc:sldMk cId="2828242937" sldId="305"/>
            <ac:spMk id="2" creationId="{2D567417-D31C-444A-8A41-F45318A4C60F}"/>
          </ac:spMkLst>
        </pc:spChg>
        <pc:spChg chg="del mod">
          <ac:chgData name="Alan Wai Hou Lio" userId="4e2e7dda-a9a8-4e9f-8daf-fb8d3a66df36" providerId="ADAL" clId="{A187811C-1732-45C9-9529-FA7F9D274379}" dt="2021-06-14T13:34:49.587" v="10162" actId="478"/>
          <ac:spMkLst>
            <pc:docMk/>
            <pc:sldMk cId="2828242937" sldId="305"/>
            <ac:spMk id="3" creationId="{AF071526-C463-4BE0-865B-288BF36A20D9}"/>
          </ac:spMkLst>
        </pc:spChg>
        <pc:spChg chg="mod">
          <ac:chgData name="Alan Wai Hou Lio" userId="4e2e7dda-a9a8-4e9f-8daf-fb8d3a66df36" providerId="ADAL" clId="{A187811C-1732-45C9-9529-FA7F9D274379}" dt="2021-06-15T10:35:40.388" v="11644" actId="790"/>
          <ac:spMkLst>
            <pc:docMk/>
            <pc:sldMk cId="2828242937" sldId="305"/>
            <ac:spMk id="4" creationId="{00E6A380-1B64-4297-B31D-CD6385F9D522}"/>
          </ac:spMkLst>
        </pc:spChg>
        <pc:spChg chg="add mod">
          <ac:chgData name="Alan Wai Hou Lio" userId="4e2e7dda-a9a8-4e9f-8daf-fb8d3a66df36" providerId="ADAL" clId="{A187811C-1732-45C9-9529-FA7F9D274379}" dt="2021-06-15T10:35:40.391" v="11645" actId="790"/>
          <ac:spMkLst>
            <pc:docMk/>
            <pc:sldMk cId="2828242937" sldId="305"/>
            <ac:spMk id="5" creationId="{D4E8EC8B-C2F0-4351-91FE-640CEA1B3D18}"/>
          </ac:spMkLst>
        </pc:spChg>
        <pc:spChg chg="add mod">
          <ac:chgData name="Alan Wai Hou Lio" userId="4e2e7dda-a9a8-4e9f-8daf-fb8d3a66df36" providerId="ADAL" clId="{A187811C-1732-45C9-9529-FA7F9D274379}" dt="2021-06-15T10:35:40.394" v="11646" actId="790"/>
          <ac:spMkLst>
            <pc:docMk/>
            <pc:sldMk cId="2828242937" sldId="305"/>
            <ac:spMk id="6" creationId="{51F39020-35FA-417A-B989-BE220BFF654C}"/>
          </ac:spMkLst>
        </pc:spChg>
        <pc:picChg chg="add mod">
          <ac:chgData name="Alan Wai Hou Lio" userId="4e2e7dda-a9a8-4e9f-8daf-fb8d3a66df36" providerId="ADAL" clId="{A187811C-1732-45C9-9529-FA7F9D274379}" dt="2021-06-14T14:07:27.495" v="10998" actId="1076"/>
          <ac:picMkLst>
            <pc:docMk/>
            <pc:sldMk cId="2828242937" sldId="305"/>
            <ac:picMk id="7" creationId="{386298B7-8FED-4AB7-9825-3C9E7AC86FE1}"/>
          </ac:picMkLst>
        </pc:picChg>
        <pc:picChg chg="add mod">
          <ac:chgData name="Alan Wai Hou Lio" userId="4e2e7dda-a9a8-4e9f-8daf-fb8d3a66df36" providerId="ADAL" clId="{A187811C-1732-45C9-9529-FA7F9D274379}" dt="2021-06-14T14:07:44.939" v="11002" actId="1076"/>
          <ac:picMkLst>
            <pc:docMk/>
            <pc:sldMk cId="2828242937" sldId="305"/>
            <ac:picMk id="8" creationId="{B7E301C5-034A-47E7-8452-6483D2DA5731}"/>
          </ac:picMkLst>
        </pc:picChg>
        <pc:picChg chg="add mod modCrop">
          <ac:chgData name="Alan Wai Hou Lio" userId="4e2e7dda-a9a8-4e9f-8daf-fb8d3a66df36" providerId="ADAL" clId="{A187811C-1732-45C9-9529-FA7F9D274379}" dt="2021-06-14T14:09:33.988" v="11153" actId="1076"/>
          <ac:picMkLst>
            <pc:docMk/>
            <pc:sldMk cId="2828242937" sldId="305"/>
            <ac:picMk id="9" creationId="{FE700354-F746-48CC-9DB8-84C7B1DA3163}"/>
          </ac:picMkLst>
        </pc:picChg>
      </pc:sldChg>
      <pc:sldChg chg="addSp delSp modSp new del mod">
        <pc:chgData name="Alan Wai Hou Lio" userId="4e2e7dda-a9a8-4e9f-8daf-fb8d3a66df36" providerId="ADAL" clId="{A187811C-1732-45C9-9529-FA7F9D274379}" dt="2021-06-15T08:12:53.177" v="11387" actId="47"/>
        <pc:sldMkLst>
          <pc:docMk/>
          <pc:sldMk cId="1247121389" sldId="306"/>
        </pc:sldMkLst>
        <pc:spChg chg="del mod">
          <ac:chgData name="Alan Wai Hou Lio" userId="4e2e7dda-a9a8-4e9f-8daf-fb8d3a66df36" providerId="ADAL" clId="{A187811C-1732-45C9-9529-FA7F9D274379}" dt="2021-06-15T08:12:29.266" v="11380" actId="21"/>
          <ac:spMkLst>
            <pc:docMk/>
            <pc:sldMk cId="1247121389" sldId="306"/>
            <ac:spMk id="2" creationId="{84AD57D8-9645-4BB6-90A6-1067E69B5659}"/>
          </ac:spMkLst>
        </pc:spChg>
        <pc:spChg chg="add mod">
          <ac:chgData name="Alan Wai Hou Lio" userId="4e2e7dda-a9a8-4e9f-8daf-fb8d3a66df36" providerId="ADAL" clId="{A187811C-1732-45C9-9529-FA7F9D274379}" dt="2021-06-15T08:12:29.266" v="11380" actId="21"/>
          <ac:spMkLst>
            <pc:docMk/>
            <pc:sldMk cId="1247121389" sldId="306"/>
            <ac:spMk id="5" creationId="{995CE493-DA0C-49FE-8EF5-8B85A6A822DB}"/>
          </ac:spMkLst>
        </pc:spChg>
      </pc:sldChg>
      <pc:sldMasterChg chg="modSp mod modSldLayout">
        <pc:chgData name="Alan Wai Hou Lio" userId="4e2e7dda-a9a8-4e9f-8daf-fb8d3a66df36" providerId="ADAL" clId="{A187811C-1732-45C9-9529-FA7F9D274379}" dt="2021-06-15T10:35:40.535" v="11722" actId="790"/>
        <pc:sldMasterMkLst>
          <pc:docMk/>
          <pc:sldMasterMk cId="2454702602" sldId="2147483662"/>
        </pc:sldMasterMkLst>
        <pc:spChg chg="mod">
          <ac:chgData name="Alan Wai Hou Lio" userId="4e2e7dda-a9a8-4e9f-8daf-fb8d3a66df36" providerId="ADAL" clId="{A187811C-1732-45C9-9529-FA7F9D274379}" dt="2021-06-15T10:35:40.428" v="11663" actId="790"/>
          <ac:spMkLst>
            <pc:docMk/>
            <pc:sldMasterMk cId="2454702602" sldId="2147483662"/>
            <ac:spMk id="2" creationId="{35912424-89BF-4A93-9096-3282916C71FE}"/>
          </ac:spMkLst>
        </pc:spChg>
        <pc:spChg chg="mod">
          <ac:chgData name="Alan Wai Hou Lio" userId="4e2e7dda-a9a8-4e9f-8daf-fb8d3a66df36" providerId="ADAL" clId="{A187811C-1732-45C9-9529-FA7F9D274379}" dt="2021-06-15T10:35:40.414" v="11656" actId="790"/>
          <ac:spMkLst>
            <pc:docMk/>
            <pc:sldMasterMk cId="2454702602" sldId="2147483662"/>
            <ac:spMk id="3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417" v="11657" actId="790"/>
          <ac:spMkLst>
            <pc:docMk/>
            <pc:sldMasterMk cId="2454702602" sldId="2147483662"/>
            <ac:spMk id="4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422" v="11661" actId="790"/>
          <ac:spMkLst>
            <pc:docMk/>
            <pc:sldMasterMk cId="2454702602" sldId="2147483662"/>
            <ac:spMk id="5" creationId="{792B975C-625D-4095-8E1D-63F20A11B57C}"/>
          </ac:spMkLst>
        </pc:spChg>
        <pc:spChg chg="mod">
          <ac:chgData name="Alan Wai Hou Lio" userId="4e2e7dda-a9a8-4e9f-8daf-fb8d3a66df36" providerId="ADAL" clId="{A187811C-1732-45C9-9529-FA7F9D274379}" dt="2021-06-15T10:35:40.425" v="11662" actId="790"/>
          <ac:spMkLst>
            <pc:docMk/>
            <pc:sldMasterMk cId="2454702602" sldId="2147483662"/>
            <ac:spMk id="7" creationId="{06B09BDB-1C7D-4F8A-8F1B-82D88054A428}"/>
          </ac:spMkLst>
        </pc:spChg>
        <pc:spChg chg="mod">
          <ac:chgData name="Alan Wai Hou Lio" userId="4e2e7dda-a9a8-4e9f-8daf-fb8d3a66df36" providerId="ADAL" clId="{A187811C-1732-45C9-9529-FA7F9D274379}" dt="2021-06-15T10:35:40.411" v="11655" actId="790"/>
          <ac:spMkLst>
            <pc:docMk/>
            <pc:sldMasterMk cId="2454702602" sldId="2147483662"/>
            <ac:spMk id="11" creationId="{FFFFD011-0D94-46EE-B45C-787FE82C3B5E}"/>
          </ac:spMkLst>
        </pc:spChg>
        <pc:spChg chg="mod">
          <ac:chgData name="Alan Wai Hou Lio" userId="4e2e7dda-a9a8-4e9f-8daf-fb8d3a66df36" providerId="ADAL" clId="{A187811C-1732-45C9-9529-FA7F9D274379}" dt="2021-06-15T10:35:40.409" v="11654"/>
          <ac:spMkLst>
            <pc:docMk/>
            <pc:sldMasterMk cId="2454702602" sldId="2147483662"/>
            <ac:spMk id="19" creationId="{ADC92552-7939-46C1-AAFE-B97F51EBFFE9}"/>
          </ac:spMkLst>
        </pc:spChg>
        <pc:spChg chg="mod">
          <ac:chgData name="Alan Wai Hou Lio" userId="4e2e7dda-a9a8-4e9f-8daf-fb8d3a66df36" providerId="ADAL" clId="{A187811C-1732-45C9-9529-FA7F9D274379}" dt="2021-06-15T10:35:40.418" v="11658"/>
          <ac:spMkLst>
            <pc:docMk/>
            <pc:sldMasterMk cId="2454702602" sldId="2147483662"/>
            <ac:spMk id="113666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419" v="11659"/>
          <ac:spMkLst>
            <pc:docMk/>
            <pc:sldMasterMk cId="2454702602" sldId="2147483662"/>
            <ac:spMk id="113667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5T10:35:40.420" v="11660"/>
          <ac:spMkLst>
            <pc:docMk/>
            <pc:sldMasterMk cId="2454702602" sldId="2147483662"/>
            <ac:spMk id="113676" creationId="{00000000-0000-0000-0000-000000000000}"/>
          </ac:spMkLst>
        </pc:spChg>
        <pc:sldLayoutChg chg="modSp mod">
          <pc:chgData name="Alan Wai Hou Lio" userId="4e2e7dda-a9a8-4e9f-8daf-fb8d3a66df36" providerId="ADAL" clId="{A187811C-1732-45C9-9529-FA7F9D274379}" dt="2021-06-15T10:35:40.442" v="11669" actId="790"/>
          <pc:sldLayoutMkLst>
            <pc:docMk/>
            <pc:sldMasterMk cId="2454702602" sldId="2147483662"/>
            <pc:sldLayoutMk cId="3227214542" sldId="2147483663"/>
          </pc:sldLayoutMkLst>
          <pc:spChg chg="mod">
            <ac:chgData name="Alan Wai Hou Lio" userId="4e2e7dda-a9a8-4e9f-8daf-fb8d3a66df36" providerId="ADAL" clId="{A187811C-1732-45C9-9529-FA7F9D274379}" dt="2021-06-15T10:35:40.432" v="11664" actId="790"/>
            <ac:spMkLst>
              <pc:docMk/>
              <pc:sldMasterMk cId="2454702602" sldId="2147483662"/>
              <pc:sldLayoutMk cId="3227214542" sldId="2147483663"/>
              <ac:spMk id="2" creationId="{00000000-0000-0000-0000-000000000000}"/>
            </ac:spMkLst>
          </pc:spChg>
          <pc:spChg chg="mod">
            <ac:chgData name="Alan Wai Hou Lio" userId="4e2e7dda-a9a8-4e9f-8daf-fb8d3a66df36" providerId="ADAL" clId="{A187811C-1732-45C9-9529-FA7F9D274379}" dt="2021-06-15T10:35:40.439" v="11668" actId="790"/>
            <ac:spMkLst>
              <pc:docMk/>
              <pc:sldMasterMk cId="2454702602" sldId="2147483662"/>
              <pc:sldLayoutMk cId="3227214542" sldId="2147483663"/>
              <ac:spMk id="3" creationId="{F2117C6C-7BC3-4888-BC29-FAB17565D119}"/>
            </ac:spMkLst>
          </pc:spChg>
          <pc:spChg chg="mod">
            <ac:chgData name="Alan Wai Hou Lio" userId="4e2e7dda-a9a8-4e9f-8daf-fb8d3a66df36" providerId="ADAL" clId="{A187811C-1732-45C9-9529-FA7F9D274379}" dt="2021-06-15T10:35:40.442" v="11669" actId="790"/>
            <ac:spMkLst>
              <pc:docMk/>
              <pc:sldMasterMk cId="2454702602" sldId="2147483662"/>
              <pc:sldLayoutMk cId="3227214542" sldId="2147483663"/>
              <ac:spMk id="4" creationId="{E77E4668-D07F-4B96-9755-175402734855}"/>
            </ac:spMkLst>
          </pc:spChg>
          <pc:spChg chg="mod">
            <ac:chgData name="Alan Wai Hou Lio" userId="4e2e7dda-a9a8-4e9f-8daf-fb8d3a66df36" providerId="ADAL" clId="{A187811C-1732-45C9-9529-FA7F9D274379}" dt="2021-06-15T10:35:40.435" v="11665" actId="790"/>
            <ac:spMkLst>
              <pc:docMk/>
              <pc:sldMasterMk cId="2454702602" sldId="2147483662"/>
              <pc:sldLayoutMk cId="3227214542" sldId="2147483663"/>
              <ac:spMk id="11" creationId="{275A6477-FE3A-4D40-B1FE-E46C11E344A5}"/>
            </ac:spMkLst>
          </pc:spChg>
          <pc:spChg chg="mod">
            <ac:chgData name="Alan Wai Hou Lio" userId="4e2e7dda-a9a8-4e9f-8daf-fb8d3a66df36" providerId="ADAL" clId="{A187811C-1732-45C9-9529-FA7F9D274379}" dt="2021-06-15T10:35:40.436" v="11666"/>
            <ac:spMkLst>
              <pc:docMk/>
              <pc:sldMasterMk cId="2454702602" sldId="2147483662"/>
              <pc:sldLayoutMk cId="3227214542" sldId="2147483663"/>
              <ac:spMk id="114690" creationId="{00000000-0000-0000-0000-000000000000}"/>
            </ac:spMkLst>
          </pc:spChg>
          <pc:spChg chg="mod">
            <ac:chgData name="Alan Wai Hou Lio" userId="4e2e7dda-a9a8-4e9f-8daf-fb8d3a66df36" providerId="ADAL" clId="{A187811C-1732-45C9-9529-FA7F9D274379}" dt="2021-06-15T10:35:40.437" v="11667"/>
            <ac:spMkLst>
              <pc:docMk/>
              <pc:sldMasterMk cId="2454702602" sldId="2147483662"/>
              <pc:sldLayoutMk cId="3227214542" sldId="2147483663"/>
              <ac:spMk id="114691" creationId="{00000000-0000-0000-0000-000000000000}"/>
            </ac:spMkLst>
          </pc:spChg>
        </pc:sldLayoutChg>
        <pc:sldLayoutChg chg="modSp mod">
          <pc:chgData name="Alan Wai Hou Lio" userId="4e2e7dda-a9a8-4e9f-8daf-fb8d3a66df36" providerId="ADAL" clId="{A187811C-1732-45C9-9529-FA7F9D274379}" dt="2021-06-15T10:35:40.455" v="11677" actId="790"/>
          <pc:sldLayoutMkLst>
            <pc:docMk/>
            <pc:sldMasterMk cId="2454702602" sldId="2147483662"/>
            <pc:sldLayoutMk cId="1187774059" sldId="2147483664"/>
          </pc:sldLayoutMkLst>
          <pc:spChg chg="mod">
            <ac:chgData name="Alan Wai Hou Lio" userId="4e2e7dda-a9a8-4e9f-8daf-fb8d3a66df36" providerId="ADAL" clId="{A187811C-1732-45C9-9529-FA7F9D274379}" dt="2021-06-15T10:35:40.452" v="11676" actId="790"/>
            <ac:spMkLst>
              <pc:docMk/>
              <pc:sldMasterMk cId="2454702602" sldId="2147483662"/>
              <pc:sldLayoutMk cId="1187774059" sldId="2147483664"/>
              <ac:spMk id="2" creationId="{1FCA8860-CDAD-4F91-9292-2B11655C191E}"/>
            </ac:spMkLst>
          </pc:spChg>
          <pc:spChg chg="mod">
            <ac:chgData name="Alan Wai Hou Lio" userId="4e2e7dda-a9a8-4e9f-8daf-fb8d3a66df36" providerId="ADAL" clId="{A187811C-1732-45C9-9529-FA7F9D274379}" dt="2021-06-15T10:35:40.450" v="11675"/>
            <ac:spMkLst>
              <pc:docMk/>
              <pc:sldMasterMk cId="2454702602" sldId="2147483662"/>
              <pc:sldLayoutMk cId="1187774059" sldId="2147483664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A187811C-1732-45C9-9529-FA7F9D274379}" dt="2021-06-15T10:35:40.455" v="11677" actId="790"/>
            <ac:spMkLst>
              <pc:docMk/>
              <pc:sldMasterMk cId="2454702602" sldId="2147483662"/>
              <pc:sldLayoutMk cId="1187774059" sldId="2147483664"/>
              <ac:spMk id="6" creationId="{88C7A21B-9B48-4777-BF0D-9FB95719C2E7}"/>
            </ac:spMkLst>
          </pc:spChg>
          <pc:spChg chg="mod">
            <ac:chgData name="Alan Wai Hou Lio" userId="4e2e7dda-a9a8-4e9f-8daf-fb8d3a66df36" providerId="ADAL" clId="{A187811C-1732-45C9-9529-FA7F9D274379}" dt="2021-06-15T10:35:40.449" v="11674"/>
            <ac:spMkLst>
              <pc:docMk/>
              <pc:sldMasterMk cId="2454702602" sldId="2147483662"/>
              <pc:sldLayoutMk cId="1187774059" sldId="2147483664"/>
              <ac:spMk id="7" creationId="{248A0E3C-0CE1-4BBF-A912-5A81BF3B7BCA}"/>
            </ac:spMkLst>
          </pc:spChg>
        </pc:sldLayoutChg>
        <pc:sldLayoutChg chg="modSp mod">
          <pc:chgData name="Alan Wai Hou Lio" userId="4e2e7dda-a9a8-4e9f-8daf-fb8d3a66df36" providerId="ADAL" clId="{A187811C-1732-45C9-9529-FA7F9D274379}" dt="2021-06-15T10:35:40.498" v="11708" actId="790"/>
          <pc:sldLayoutMkLst>
            <pc:docMk/>
            <pc:sldMasterMk cId="2454702602" sldId="2147483662"/>
            <pc:sldLayoutMk cId="120845512" sldId="2147483666"/>
          </pc:sldLayoutMkLst>
          <pc:spChg chg="mod">
            <ac:chgData name="Alan Wai Hou Lio" userId="4e2e7dda-a9a8-4e9f-8daf-fb8d3a66df36" providerId="ADAL" clId="{A187811C-1732-45C9-9529-FA7F9D274379}" dt="2021-06-15T10:35:40.495" v="11707" actId="790"/>
            <ac:spMkLst>
              <pc:docMk/>
              <pc:sldMasterMk cId="2454702602" sldId="2147483662"/>
              <pc:sldLayoutMk cId="120845512" sldId="2147483666"/>
              <ac:spMk id="2" creationId="{51F74546-9D06-4CF7-806D-E04B043BF5A5}"/>
            </ac:spMkLst>
          </pc:spChg>
          <pc:spChg chg="mod">
            <ac:chgData name="Alan Wai Hou Lio" userId="4e2e7dda-a9a8-4e9f-8daf-fb8d3a66df36" providerId="ADAL" clId="{A187811C-1732-45C9-9529-FA7F9D274379}" dt="2021-06-15T10:35:40.493" v="11706"/>
            <ac:spMkLst>
              <pc:docMk/>
              <pc:sldMasterMk cId="2454702602" sldId="2147483662"/>
              <pc:sldLayoutMk cId="120845512" sldId="2147483666"/>
              <ac:spMk id="5" creationId="{8297DEAA-3B7B-49C7-8C28-3F21F36A93D7}"/>
            </ac:spMkLst>
          </pc:spChg>
          <pc:spChg chg="mod">
            <ac:chgData name="Alan Wai Hou Lio" userId="4e2e7dda-a9a8-4e9f-8daf-fb8d3a66df36" providerId="ADAL" clId="{A187811C-1732-45C9-9529-FA7F9D274379}" dt="2021-06-15T10:35:40.498" v="11708" actId="790"/>
            <ac:spMkLst>
              <pc:docMk/>
              <pc:sldMasterMk cId="2454702602" sldId="2147483662"/>
              <pc:sldLayoutMk cId="120845512" sldId="2147483666"/>
              <ac:spMk id="6" creationId="{42F53AB3-8AAF-469F-AD3F-AE5E1A39D7C8}"/>
            </ac:spMkLst>
          </pc:spChg>
        </pc:sldLayoutChg>
        <pc:sldLayoutChg chg="modSp mod">
          <pc:chgData name="Alan Wai Hou Lio" userId="4e2e7dda-a9a8-4e9f-8daf-fb8d3a66df36" providerId="ADAL" clId="{A187811C-1732-45C9-9529-FA7F9D274379}" dt="2021-06-15T10:35:40.503" v="11710" actId="790"/>
          <pc:sldLayoutMkLst>
            <pc:docMk/>
            <pc:sldMasterMk cId="2454702602" sldId="2147483662"/>
            <pc:sldLayoutMk cId="2669264705" sldId="2147483667"/>
          </pc:sldLayoutMkLst>
          <pc:spChg chg="mod">
            <ac:chgData name="Alan Wai Hou Lio" userId="4e2e7dda-a9a8-4e9f-8daf-fb8d3a66df36" providerId="ADAL" clId="{A187811C-1732-45C9-9529-FA7F9D274379}" dt="2021-06-15T10:35:40.500" v="11709" actId="790"/>
            <ac:spMkLst>
              <pc:docMk/>
              <pc:sldMasterMk cId="2454702602" sldId="2147483662"/>
              <pc:sldLayoutMk cId="2669264705" sldId="2147483667"/>
              <ac:spMk id="4" creationId="{3AE75ABF-082F-4A38-B952-09157E37A81A}"/>
            </ac:spMkLst>
          </pc:spChg>
          <pc:spChg chg="mod">
            <ac:chgData name="Alan Wai Hou Lio" userId="4e2e7dda-a9a8-4e9f-8daf-fb8d3a66df36" providerId="ADAL" clId="{A187811C-1732-45C9-9529-FA7F9D274379}" dt="2021-06-15T10:35:40.503" v="11710" actId="790"/>
            <ac:spMkLst>
              <pc:docMk/>
              <pc:sldMasterMk cId="2454702602" sldId="2147483662"/>
              <pc:sldLayoutMk cId="2669264705" sldId="2147483667"/>
              <ac:spMk id="5" creationId="{D0A39F3A-7714-4FD6-9132-D60FFA220D98}"/>
            </ac:spMkLst>
          </pc:spChg>
        </pc:sldLayoutChg>
        <pc:sldLayoutChg chg="modSp mod">
          <pc:chgData name="Alan Wai Hou Lio" userId="4e2e7dda-a9a8-4e9f-8daf-fb8d3a66df36" providerId="ADAL" clId="{A187811C-1732-45C9-9529-FA7F9D274379}" dt="2021-06-15T10:35:40.515" v="11715" actId="790"/>
          <pc:sldLayoutMkLst>
            <pc:docMk/>
            <pc:sldMasterMk cId="2454702602" sldId="2147483662"/>
            <pc:sldLayoutMk cId="2321786107" sldId="2147483668"/>
          </pc:sldLayoutMkLst>
          <pc:spChg chg="mod">
            <ac:chgData name="Alan Wai Hou Lio" userId="4e2e7dda-a9a8-4e9f-8daf-fb8d3a66df36" providerId="ADAL" clId="{A187811C-1732-45C9-9529-FA7F9D274379}" dt="2021-06-15T10:35:40.506" v="11712" actId="790"/>
            <ac:spMkLst>
              <pc:docMk/>
              <pc:sldMasterMk cId="2454702602" sldId="2147483662"/>
              <pc:sldLayoutMk cId="2321786107" sldId="2147483668"/>
              <ac:spMk id="4" creationId="{C9776080-6230-4AB8-AB28-4D6744DD01F9}"/>
            </ac:spMkLst>
          </pc:spChg>
          <pc:spChg chg="mod">
            <ac:chgData name="Alan Wai Hou Lio" userId="4e2e7dda-a9a8-4e9f-8daf-fb8d3a66df36" providerId="ADAL" clId="{A187811C-1732-45C9-9529-FA7F9D274379}" dt="2021-06-15T10:35:40.509" v="11713" actId="790"/>
            <ac:spMkLst>
              <pc:docMk/>
              <pc:sldMasterMk cId="2454702602" sldId="2147483662"/>
              <pc:sldLayoutMk cId="2321786107" sldId="2147483668"/>
              <ac:spMk id="5" creationId="{2B7FFAE6-D148-4A15-9DFC-7D71B82020C9}"/>
            </ac:spMkLst>
          </pc:spChg>
          <pc:spChg chg="mod">
            <ac:chgData name="Alan Wai Hou Lio" userId="4e2e7dda-a9a8-4e9f-8daf-fb8d3a66df36" providerId="ADAL" clId="{A187811C-1732-45C9-9529-FA7F9D274379}" dt="2021-06-15T10:35:40.512" v="11714" actId="790"/>
            <ac:spMkLst>
              <pc:docMk/>
              <pc:sldMasterMk cId="2454702602" sldId="2147483662"/>
              <pc:sldLayoutMk cId="2321786107" sldId="2147483668"/>
              <ac:spMk id="6" creationId="{3125B57E-AFC7-4517-B327-461DB01D2867}"/>
            </ac:spMkLst>
          </pc:spChg>
          <pc:spChg chg="mod">
            <ac:chgData name="Alan Wai Hou Lio" userId="4e2e7dda-a9a8-4e9f-8daf-fb8d3a66df36" providerId="ADAL" clId="{A187811C-1732-45C9-9529-FA7F9D274379}" dt="2021-06-15T10:35:40.504" v="11711"/>
            <ac:spMkLst>
              <pc:docMk/>
              <pc:sldMasterMk cId="2454702602" sldId="2147483662"/>
              <pc:sldLayoutMk cId="2321786107" sldId="2147483668"/>
              <ac:spMk id="9" creationId="{AF9D3C51-A276-4E1F-B6B6-FD6A4E17EE28}"/>
            </ac:spMkLst>
          </pc:spChg>
          <pc:spChg chg="mod">
            <ac:chgData name="Alan Wai Hou Lio" userId="4e2e7dda-a9a8-4e9f-8daf-fb8d3a66df36" providerId="ADAL" clId="{A187811C-1732-45C9-9529-FA7F9D274379}" dt="2021-06-15T10:35:40.515" v="11715" actId="790"/>
            <ac:spMkLst>
              <pc:docMk/>
              <pc:sldMasterMk cId="2454702602" sldId="2147483662"/>
              <pc:sldLayoutMk cId="2321786107" sldId="2147483668"/>
              <ac:spMk id="10" creationId="{B0EE486B-843B-49D6-90AE-5093AB56E30F}"/>
            </ac:spMkLst>
          </pc:spChg>
        </pc:sldLayoutChg>
        <pc:sldLayoutChg chg="modSp mod">
          <pc:chgData name="Alan Wai Hou Lio" userId="4e2e7dda-a9a8-4e9f-8daf-fb8d3a66df36" providerId="ADAL" clId="{A187811C-1732-45C9-9529-FA7F9D274379}" dt="2021-06-15T10:35:40.535" v="11722" actId="790"/>
          <pc:sldLayoutMkLst>
            <pc:docMk/>
            <pc:sldMasterMk cId="2454702602" sldId="2147483662"/>
            <pc:sldLayoutMk cId="3496376187" sldId="2147483669"/>
          </pc:sldLayoutMkLst>
          <pc:spChg chg="mod">
            <ac:chgData name="Alan Wai Hou Lio" userId="4e2e7dda-a9a8-4e9f-8daf-fb8d3a66df36" providerId="ADAL" clId="{A187811C-1732-45C9-9529-FA7F9D274379}" dt="2021-06-15T10:35:40.522" v="11718" actId="790"/>
            <ac:spMkLst>
              <pc:docMk/>
              <pc:sldMasterMk cId="2454702602" sldId="2147483662"/>
              <pc:sldLayoutMk cId="3496376187" sldId="2147483669"/>
              <ac:spMk id="6" creationId="{AF062B26-8169-4B93-8FD8-CFDB0855A961}"/>
            </ac:spMkLst>
          </pc:spChg>
          <pc:spChg chg="mod">
            <ac:chgData name="Alan Wai Hou Lio" userId="4e2e7dda-a9a8-4e9f-8daf-fb8d3a66df36" providerId="ADAL" clId="{A187811C-1732-45C9-9529-FA7F9D274379}" dt="2021-06-15T10:35:40.525" v="11719" actId="790"/>
            <ac:spMkLst>
              <pc:docMk/>
              <pc:sldMasterMk cId="2454702602" sldId="2147483662"/>
              <pc:sldLayoutMk cId="3496376187" sldId="2147483669"/>
              <ac:spMk id="7" creationId="{CA59923C-6F09-424E-AF1E-AC62326A9B2B}"/>
            </ac:spMkLst>
          </pc:spChg>
          <pc:spChg chg="mod">
            <ac:chgData name="Alan Wai Hou Lio" userId="4e2e7dda-a9a8-4e9f-8daf-fb8d3a66df36" providerId="ADAL" clId="{A187811C-1732-45C9-9529-FA7F9D274379}" dt="2021-06-15T10:35:40.529" v="11720" actId="790"/>
            <ac:spMkLst>
              <pc:docMk/>
              <pc:sldMasterMk cId="2454702602" sldId="2147483662"/>
              <pc:sldLayoutMk cId="3496376187" sldId="2147483669"/>
              <ac:spMk id="9" creationId="{4C299FA2-BF46-4410-B2CD-E3C80B7A9893}"/>
            </ac:spMkLst>
          </pc:spChg>
          <pc:spChg chg="mod">
            <ac:chgData name="Alan Wai Hou Lio" userId="4e2e7dda-a9a8-4e9f-8daf-fb8d3a66df36" providerId="ADAL" clId="{A187811C-1732-45C9-9529-FA7F9D274379}" dt="2021-06-15T10:35:40.517" v="11716" actId="790"/>
            <ac:spMkLst>
              <pc:docMk/>
              <pc:sldMasterMk cId="2454702602" sldId="2147483662"/>
              <pc:sldLayoutMk cId="3496376187" sldId="2147483669"/>
              <ac:spMk id="10" creationId="{A3420087-96DF-432F-B192-585D42BF6A4E}"/>
            </ac:spMkLst>
          </pc:spChg>
          <pc:spChg chg="mod">
            <ac:chgData name="Alan Wai Hou Lio" userId="4e2e7dda-a9a8-4e9f-8daf-fb8d3a66df36" providerId="ADAL" clId="{A187811C-1732-45C9-9529-FA7F9D274379}" dt="2021-06-15T10:35:40.532" v="11721" actId="790"/>
            <ac:spMkLst>
              <pc:docMk/>
              <pc:sldMasterMk cId="2454702602" sldId="2147483662"/>
              <pc:sldLayoutMk cId="3496376187" sldId="2147483669"/>
              <ac:spMk id="11" creationId="{495865CE-5BE9-4122-8AB8-48E534DD88F7}"/>
            </ac:spMkLst>
          </pc:spChg>
          <pc:spChg chg="mod">
            <ac:chgData name="Alan Wai Hou Lio" userId="4e2e7dda-a9a8-4e9f-8daf-fb8d3a66df36" providerId="ADAL" clId="{A187811C-1732-45C9-9529-FA7F9D274379}" dt="2021-06-15T10:35:40.535" v="11722" actId="790"/>
            <ac:spMkLst>
              <pc:docMk/>
              <pc:sldMasterMk cId="2454702602" sldId="2147483662"/>
              <pc:sldLayoutMk cId="3496376187" sldId="2147483669"/>
              <ac:spMk id="12" creationId="{0D436479-94F3-475C-8F8D-D3CDC81793FD}"/>
            </ac:spMkLst>
          </pc:spChg>
          <pc:spChg chg="mod">
            <ac:chgData name="Alan Wai Hou Lio" userId="4e2e7dda-a9a8-4e9f-8daf-fb8d3a66df36" providerId="ADAL" clId="{A187811C-1732-45C9-9529-FA7F9D274379}" dt="2021-06-15T10:35:40.520" v="11717" actId="790"/>
            <ac:spMkLst>
              <pc:docMk/>
              <pc:sldMasterMk cId="2454702602" sldId="2147483662"/>
              <pc:sldLayoutMk cId="3496376187" sldId="2147483669"/>
              <ac:spMk id="13" creationId="{09BBEE10-6A59-474F-B766-7643F97F869F}"/>
            </ac:spMkLst>
          </pc:spChg>
        </pc:sldLayoutChg>
        <pc:sldLayoutChg chg="modSp mod">
          <pc:chgData name="Alan Wai Hou Lio" userId="4e2e7dda-a9a8-4e9f-8daf-fb8d3a66df36" providerId="ADAL" clId="{A187811C-1732-45C9-9529-FA7F9D274379}" dt="2021-06-15T10:35:40.448" v="11673" actId="790"/>
          <pc:sldLayoutMkLst>
            <pc:docMk/>
            <pc:sldMasterMk cId="2454702602" sldId="2147483662"/>
            <pc:sldLayoutMk cId="1225919311" sldId="2147483671"/>
          </pc:sldLayoutMkLst>
          <pc:spChg chg="mod">
            <ac:chgData name="Alan Wai Hou Lio" userId="4e2e7dda-a9a8-4e9f-8daf-fb8d3a66df36" providerId="ADAL" clId="{A187811C-1732-45C9-9529-FA7F9D274379}" dt="2021-06-15T10:35:40.446" v="11672" actId="790"/>
            <ac:spMkLst>
              <pc:docMk/>
              <pc:sldMasterMk cId="2454702602" sldId="2147483662"/>
              <pc:sldLayoutMk cId="1225919311" sldId="2147483671"/>
              <ac:spMk id="3" creationId="{71346B4F-F02C-40EC-9B70-932B18214C6A}"/>
            </ac:spMkLst>
          </pc:spChg>
          <pc:spChg chg="mod">
            <ac:chgData name="Alan Wai Hou Lio" userId="4e2e7dda-a9a8-4e9f-8daf-fb8d3a66df36" providerId="ADAL" clId="{A187811C-1732-45C9-9529-FA7F9D274379}" dt="2021-06-15T10:35:40.448" v="11673" actId="790"/>
            <ac:spMkLst>
              <pc:docMk/>
              <pc:sldMasterMk cId="2454702602" sldId="2147483662"/>
              <pc:sldLayoutMk cId="1225919311" sldId="2147483671"/>
              <ac:spMk id="4" creationId="{FE67EB69-BB5A-407E-BF0A-1CB9B24506D8}"/>
            </ac:spMkLst>
          </pc:spChg>
          <pc:spChg chg="mod">
            <ac:chgData name="Alan Wai Hou Lio" userId="4e2e7dda-a9a8-4e9f-8daf-fb8d3a66df36" providerId="ADAL" clId="{A187811C-1732-45C9-9529-FA7F9D274379}" dt="2021-06-15T10:35:40.443" v="11670"/>
            <ac:spMkLst>
              <pc:docMk/>
              <pc:sldMasterMk cId="2454702602" sldId="2147483662"/>
              <pc:sldLayoutMk cId="1225919311" sldId="2147483671"/>
              <ac:spMk id="114690" creationId="{00000000-0000-0000-0000-000000000000}"/>
            </ac:spMkLst>
          </pc:spChg>
          <pc:spChg chg="mod">
            <ac:chgData name="Alan Wai Hou Lio" userId="4e2e7dda-a9a8-4e9f-8daf-fb8d3a66df36" providerId="ADAL" clId="{A187811C-1732-45C9-9529-FA7F9D274379}" dt="2021-06-15T10:35:40.443" v="11671"/>
            <ac:spMkLst>
              <pc:docMk/>
              <pc:sldMasterMk cId="2454702602" sldId="2147483662"/>
              <pc:sldLayoutMk cId="1225919311" sldId="2147483671"/>
              <ac:spMk id="114691" creationId="{00000000-0000-0000-0000-000000000000}"/>
            </ac:spMkLst>
          </pc:spChg>
        </pc:sldLayoutChg>
        <pc:sldLayoutChg chg="modSp mod">
          <pc:chgData name="Alan Wai Hou Lio" userId="4e2e7dda-a9a8-4e9f-8daf-fb8d3a66df36" providerId="ADAL" clId="{A187811C-1732-45C9-9529-FA7F9D274379}" dt="2021-06-15T10:35:40.471" v="11688" actId="790"/>
          <pc:sldLayoutMkLst>
            <pc:docMk/>
            <pc:sldMasterMk cId="2454702602" sldId="2147483662"/>
            <pc:sldLayoutMk cId="3922670733" sldId="2147483672"/>
          </pc:sldLayoutMkLst>
          <pc:spChg chg="mod">
            <ac:chgData name="Alan Wai Hou Lio" userId="4e2e7dda-a9a8-4e9f-8daf-fb8d3a66df36" providerId="ADAL" clId="{A187811C-1732-45C9-9529-FA7F9D274379}" dt="2021-06-15T10:35:40.468" v="11687" actId="790"/>
            <ac:spMkLst>
              <pc:docMk/>
              <pc:sldMasterMk cId="2454702602" sldId="2147483662"/>
              <pc:sldLayoutMk cId="3922670733" sldId="2147483672"/>
              <ac:spMk id="2" creationId="{D2986237-C7E2-4498-82A4-361A340A6504}"/>
            </ac:spMkLst>
          </pc:spChg>
          <pc:spChg chg="mod">
            <ac:chgData name="Alan Wai Hou Lio" userId="4e2e7dda-a9a8-4e9f-8daf-fb8d3a66df36" providerId="ADAL" clId="{A187811C-1732-45C9-9529-FA7F9D274379}" dt="2021-06-15T10:35:40.464" v="11684"/>
            <ac:spMkLst>
              <pc:docMk/>
              <pc:sldMasterMk cId="2454702602" sldId="2147483662"/>
              <pc:sldLayoutMk cId="3922670733" sldId="2147483672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A187811C-1732-45C9-9529-FA7F9D274379}" dt="2021-06-15T10:35:40.471" v="11688" actId="790"/>
            <ac:spMkLst>
              <pc:docMk/>
              <pc:sldMasterMk cId="2454702602" sldId="2147483662"/>
              <pc:sldLayoutMk cId="3922670733" sldId="2147483672"/>
              <ac:spMk id="6" creationId="{21664EEF-2B63-484E-803A-4FCD66F243A5}"/>
            </ac:spMkLst>
          </pc:spChg>
          <pc:spChg chg="mod">
            <ac:chgData name="Alan Wai Hou Lio" userId="4e2e7dda-a9a8-4e9f-8daf-fb8d3a66df36" providerId="ADAL" clId="{A187811C-1732-45C9-9529-FA7F9D274379}" dt="2021-06-15T10:35:40.465" v="11685"/>
            <ac:spMkLst>
              <pc:docMk/>
              <pc:sldMasterMk cId="2454702602" sldId="2147483662"/>
              <pc:sldLayoutMk cId="3922670733" sldId="2147483672"/>
              <ac:spMk id="10" creationId="{565D29D0-EA4F-4318-8A82-6C2B200A712B}"/>
            </ac:spMkLst>
          </pc:spChg>
          <pc:spChg chg="mod">
            <ac:chgData name="Alan Wai Hou Lio" userId="4e2e7dda-a9a8-4e9f-8daf-fb8d3a66df36" providerId="ADAL" clId="{A187811C-1732-45C9-9529-FA7F9D274379}" dt="2021-06-15T10:35:40.465" v="11686"/>
            <ac:spMkLst>
              <pc:docMk/>
              <pc:sldMasterMk cId="2454702602" sldId="2147483662"/>
              <pc:sldLayoutMk cId="3922670733" sldId="2147483672"/>
              <ac:spMk id="12" creationId="{25B8511D-E10E-40C3-82A6-3DCDC97CF6C2}"/>
            </ac:spMkLst>
          </pc:spChg>
          <pc:spChg chg="mod">
            <ac:chgData name="Alan Wai Hou Lio" userId="4e2e7dda-a9a8-4e9f-8daf-fb8d3a66df36" providerId="ADAL" clId="{A187811C-1732-45C9-9529-FA7F9D274379}" dt="2021-06-15T10:35:40.464" v="11683"/>
            <ac:spMkLst>
              <pc:docMk/>
              <pc:sldMasterMk cId="2454702602" sldId="2147483662"/>
              <pc:sldLayoutMk cId="3922670733" sldId="2147483672"/>
              <ac:spMk id="16" creationId="{90A2595F-A737-4D92-946C-EC0BBF885334}"/>
            </ac:spMkLst>
          </pc:spChg>
        </pc:sldLayoutChg>
        <pc:sldLayoutChg chg="modSp mod">
          <pc:chgData name="Alan Wai Hou Lio" userId="4e2e7dda-a9a8-4e9f-8daf-fb8d3a66df36" providerId="ADAL" clId="{A187811C-1732-45C9-9529-FA7F9D274379}" dt="2021-06-15T10:35:40.480" v="11694" actId="790"/>
          <pc:sldLayoutMkLst>
            <pc:docMk/>
            <pc:sldMasterMk cId="2454702602" sldId="2147483662"/>
            <pc:sldLayoutMk cId="1283562364" sldId="2147483673"/>
          </pc:sldLayoutMkLst>
          <pc:spChg chg="mod">
            <ac:chgData name="Alan Wai Hou Lio" userId="4e2e7dda-a9a8-4e9f-8daf-fb8d3a66df36" providerId="ADAL" clId="{A187811C-1732-45C9-9529-FA7F9D274379}" dt="2021-06-15T10:35:40.476" v="11693" actId="790"/>
            <ac:spMkLst>
              <pc:docMk/>
              <pc:sldMasterMk cId="2454702602" sldId="2147483662"/>
              <pc:sldLayoutMk cId="1283562364" sldId="2147483673"/>
              <ac:spMk id="2" creationId="{AE26B732-1A52-4AA9-89FC-8FC5439E40DC}"/>
            </ac:spMkLst>
          </pc:spChg>
          <pc:spChg chg="mod">
            <ac:chgData name="Alan Wai Hou Lio" userId="4e2e7dda-a9a8-4e9f-8daf-fb8d3a66df36" providerId="ADAL" clId="{A187811C-1732-45C9-9529-FA7F9D274379}" dt="2021-06-15T10:35:40.473" v="11690"/>
            <ac:spMkLst>
              <pc:docMk/>
              <pc:sldMasterMk cId="2454702602" sldId="2147483662"/>
              <pc:sldLayoutMk cId="1283562364" sldId="2147483673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A187811C-1732-45C9-9529-FA7F9D274379}" dt="2021-06-15T10:35:40.480" v="11694" actId="790"/>
            <ac:spMkLst>
              <pc:docMk/>
              <pc:sldMasterMk cId="2454702602" sldId="2147483662"/>
              <pc:sldLayoutMk cId="1283562364" sldId="2147483673"/>
              <ac:spMk id="6" creationId="{3B25D0DC-E43F-43DA-AA0F-C0C54C8939F7}"/>
            </ac:spMkLst>
          </pc:spChg>
          <pc:spChg chg="mod">
            <ac:chgData name="Alan Wai Hou Lio" userId="4e2e7dda-a9a8-4e9f-8daf-fb8d3a66df36" providerId="ADAL" clId="{A187811C-1732-45C9-9529-FA7F9D274379}" dt="2021-06-15T10:35:40.473" v="11691"/>
            <ac:spMkLst>
              <pc:docMk/>
              <pc:sldMasterMk cId="2454702602" sldId="2147483662"/>
              <pc:sldLayoutMk cId="1283562364" sldId="2147483673"/>
              <ac:spMk id="10" creationId="{565D29D0-EA4F-4318-8A82-6C2B200A712B}"/>
            </ac:spMkLst>
          </pc:spChg>
          <pc:spChg chg="mod">
            <ac:chgData name="Alan Wai Hou Lio" userId="4e2e7dda-a9a8-4e9f-8daf-fb8d3a66df36" providerId="ADAL" clId="{A187811C-1732-45C9-9529-FA7F9D274379}" dt="2021-06-15T10:35:40.473" v="11692"/>
            <ac:spMkLst>
              <pc:docMk/>
              <pc:sldMasterMk cId="2454702602" sldId="2147483662"/>
              <pc:sldLayoutMk cId="1283562364" sldId="2147483673"/>
              <ac:spMk id="12" creationId="{25B8511D-E10E-40C3-82A6-3DCDC97CF6C2}"/>
            </ac:spMkLst>
          </pc:spChg>
          <pc:spChg chg="mod">
            <ac:chgData name="Alan Wai Hou Lio" userId="4e2e7dda-a9a8-4e9f-8daf-fb8d3a66df36" providerId="ADAL" clId="{A187811C-1732-45C9-9529-FA7F9D274379}" dt="2021-06-15T10:35:40.472" v="11689"/>
            <ac:spMkLst>
              <pc:docMk/>
              <pc:sldMasterMk cId="2454702602" sldId="2147483662"/>
              <pc:sldLayoutMk cId="1283562364" sldId="2147483673"/>
              <ac:spMk id="18" creationId="{92213382-11A1-48CE-B0A0-D8A7D26861FB}"/>
            </ac:spMkLst>
          </pc:spChg>
        </pc:sldLayoutChg>
        <pc:sldLayoutChg chg="modSp mod">
          <pc:chgData name="Alan Wai Hou Lio" userId="4e2e7dda-a9a8-4e9f-8daf-fb8d3a66df36" providerId="ADAL" clId="{A187811C-1732-45C9-9529-FA7F9D274379}" dt="2021-06-15T10:35:40.492" v="11705" actId="790"/>
          <pc:sldLayoutMkLst>
            <pc:docMk/>
            <pc:sldMasterMk cId="2454702602" sldId="2147483662"/>
            <pc:sldLayoutMk cId="1886374073" sldId="2147483676"/>
          </pc:sldLayoutMkLst>
          <pc:spChg chg="mod">
            <ac:chgData name="Alan Wai Hou Lio" userId="4e2e7dda-a9a8-4e9f-8daf-fb8d3a66df36" providerId="ADAL" clId="{A187811C-1732-45C9-9529-FA7F9D274379}" dt="2021-06-15T10:35:40.481" v="11695"/>
            <ac:spMkLst>
              <pc:docMk/>
              <pc:sldMasterMk cId="2454702602" sldId="2147483662"/>
              <pc:sldLayoutMk cId="1886374073" sldId="2147483676"/>
              <ac:spMk id="2" creationId="{178953C3-F3F7-4638-96F8-7CF20CB55E0C}"/>
            </ac:spMkLst>
          </pc:spChg>
          <pc:spChg chg="mod">
            <ac:chgData name="Alan Wai Hou Lio" userId="4e2e7dda-a9a8-4e9f-8daf-fb8d3a66df36" providerId="ADAL" clId="{A187811C-1732-45C9-9529-FA7F9D274379}" dt="2021-06-15T10:35:40.488" v="11704" actId="790"/>
            <ac:spMkLst>
              <pc:docMk/>
              <pc:sldMasterMk cId="2454702602" sldId="2147483662"/>
              <pc:sldLayoutMk cId="1886374073" sldId="2147483676"/>
              <ac:spMk id="3" creationId="{71346B4F-F02C-40EC-9B70-932B18214C6A}"/>
            </ac:spMkLst>
          </pc:spChg>
          <pc:spChg chg="mod">
            <ac:chgData name="Alan Wai Hou Lio" userId="4e2e7dda-a9a8-4e9f-8daf-fb8d3a66df36" providerId="ADAL" clId="{A187811C-1732-45C9-9529-FA7F9D274379}" dt="2021-06-15T10:35:40.492" v="11705" actId="790"/>
            <ac:spMkLst>
              <pc:docMk/>
              <pc:sldMasterMk cId="2454702602" sldId="2147483662"/>
              <pc:sldLayoutMk cId="1886374073" sldId="2147483676"/>
              <ac:spMk id="4" creationId="{FE67EB69-BB5A-407E-BF0A-1CB9B24506D8}"/>
            </ac:spMkLst>
          </pc:spChg>
          <pc:spChg chg="mod">
            <ac:chgData name="Alan Wai Hou Lio" userId="4e2e7dda-a9a8-4e9f-8daf-fb8d3a66df36" providerId="ADAL" clId="{A187811C-1732-45C9-9529-FA7F9D274379}" dt="2021-06-15T10:35:40.484" v="11701"/>
            <ac:spMkLst>
              <pc:docMk/>
              <pc:sldMasterMk cId="2454702602" sldId="2147483662"/>
              <pc:sldLayoutMk cId="1886374073" sldId="2147483676"/>
              <ac:spMk id="9" creationId="{91B02311-54A6-4455-B615-BBCA0DA742E4}"/>
            </ac:spMkLst>
          </pc:spChg>
          <pc:spChg chg="mod">
            <ac:chgData name="Alan Wai Hou Lio" userId="4e2e7dda-a9a8-4e9f-8daf-fb8d3a66df36" providerId="ADAL" clId="{A187811C-1732-45C9-9529-FA7F9D274379}" dt="2021-06-15T10:35:40.485" v="11702"/>
            <ac:spMkLst>
              <pc:docMk/>
              <pc:sldMasterMk cId="2454702602" sldId="2147483662"/>
              <pc:sldLayoutMk cId="1886374073" sldId="2147483676"/>
              <ac:spMk id="13" creationId="{710A5827-3485-49A0-81F0-FF89EE34B804}"/>
            </ac:spMkLst>
          </pc:spChg>
          <pc:spChg chg="mod">
            <ac:chgData name="Alan Wai Hou Lio" userId="4e2e7dda-a9a8-4e9f-8daf-fb8d3a66df36" providerId="ADAL" clId="{A187811C-1732-45C9-9529-FA7F9D274379}" dt="2021-06-15T10:35:40.485" v="11703"/>
            <ac:spMkLst>
              <pc:docMk/>
              <pc:sldMasterMk cId="2454702602" sldId="2147483662"/>
              <pc:sldLayoutMk cId="1886374073" sldId="2147483676"/>
              <ac:spMk id="14" creationId="{E27B0558-FCB8-4A55-9BA9-182DFF0387F4}"/>
            </ac:spMkLst>
          </pc:spChg>
          <pc:spChg chg="mod">
            <ac:chgData name="Alan Wai Hou Lio" userId="4e2e7dda-a9a8-4e9f-8daf-fb8d3a66df36" providerId="ADAL" clId="{A187811C-1732-45C9-9529-FA7F9D274379}" dt="2021-06-15T10:35:40.481" v="11696"/>
            <ac:spMkLst>
              <pc:docMk/>
              <pc:sldMasterMk cId="2454702602" sldId="2147483662"/>
              <pc:sldLayoutMk cId="1886374073" sldId="2147483676"/>
              <ac:spMk id="15" creationId="{CC0DB591-4602-46B3-B1C3-1E64148AB9B7}"/>
            </ac:spMkLst>
          </pc:spChg>
          <pc:spChg chg="mod">
            <ac:chgData name="Alan Wai Hou Lio" userId="4e2e7dda-a9a8-4e9f-8daf-fb8d3a66df36" providerId="ADAL" clId="{A187811C-1732-45C9-9529-FA7F9D274379}" dt="2021-06-15T10:35:40.482" v="11697"/>
            <ac:spMkLst>
              <pc:docMk/>
              <pc:sldMasterMk cId="2454702602" sldId="2147483662"/>
              <pc:sldLayoutMk cId="1886374073" sldId="2147483676"/>
              <ac:spMk id="19" creationId="{68416079-1CFC-426F-A6ED-5AB355FC545F}"/>
            </ac:spMkLst>
          </pc:spChg>
          <pc:spChg chg="mod">
            <ac:chgData name="Alan Wai Hou Lio" userId="4e2e7dda-a9a8-4e9f-8daf-fb8d3a66df36" providerId="ADAL" clId="{A187811C-1732-45C9-9529-FA7F9D274379}" dt="2021-06-15T10:35:40.483" v="11698"/>
            <ac:spMkLst>
              <pc:docMk/>
              <pc:sldMasterMk cId="2454702602" sldId="2147483662"/>
              <pc:sldLayoutMk cId="1886374073" sldId="2147483676"/>
              <ac:spMk id="21" creationId="{D358873C-68BF-4E89-B536-B3248F2B25FE}"/>
            </ac:spMkLst>
          </pc:spChg>
          <pc:spChg chg="mod">
            <ac:chgData name="Alan Wai Hou Lio" userId="4e2e7dda-a9a8-4e9f-8daf-fb8d3a66df36" providerId="ADAL" clId="{A187811C-1732-45C9-9529-FA7F9D274379}" dt="2021-06-15T10:35:40.483" v="11699"/>
            <ac:spMkLst>
              <pc:docMk/>
              <pc:sldMasterMk cId="2454702602" sldId="2147483662"/>
              <pc:sldLayoutMk cId="1886374073" sldId="2147483676"/>
              <ac:spMk id="23" creationId="{69A0E900-1FE2-4CC1-B435-93F3A1189356}"/>
            </ac:spMkLst>
          </pc:spChg>
          <pc:spChg chg="mod">
            <ac:chgData name="Alan Wai Hou Lio" userId="4e2e7dda-a9a8-4e9f-8daf-fb8d3a66df36" providerId="ADAL" clId="{A187811C-1732-45C9-9529-FA7F9D274379}" dt="2021-06-15T10:35:40.484" v="11700"/>
            <ac:spMkLst>
              <pc:docMk/>
              <pc:sldMasterMk cId="2454702602" sldId="2147483662"/>
              <pc:sldLayoutMk cId="1886374073" sldId="2147483676"/>
              <ac:spMk id="25" creationId="{E094886A-F110-4851-B1DA-8DFC40D509F8}"/>
            </ac:spMkLst>
          </pc:spChg>
        </pc:sldLayoutChg>
        <pc:sldLayoutChg chg="modSp mod">
          <pc:chgData name="Alan Wai Hou Lio" userId="4e2e7dda-a9a8-4e9f-8daf-fb8d3a66df36" providerId="ADAL" clId="{A187811C-1732-45C9-9529-FA7F9D274379}" dt="2021-06-15T10:35:40.463" v="11682" actId="790"/>
          <pc:sldLayoutMkLst>
            <pc:docMk/>
            <pc:sldMasterMk cId="2454702602" sldId="2147483662"/>
            <pc:sldLayoutMk cId="2945711255" sldId="2147483677"/>
          </pc:sldLayoutMkLst>
          <pc:spChg chg="mod">
            <ac:chgData name="Alan Wai Hou Lio" userId="4e2e7dda-a9a8-4e9f-8daf-fb8d3a66df36" providerId="ADAL" clId="{A187811C-1732-45C9-9529-FA7F9D274379}" dt="2021-06-15T10:35:40.456" v="11679"/>
            <ac:spMkLst>
              <pc:docMk/>
              <pc:sldMasterMk cId="2454702602" sldId="2147483662"/>
              <pc:sldLayoutMk cId="2945711255" sldId="2147483677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A187811C-1732-45C9-9529-FA7F9D274379}" dt="2021-06-15T10:35:40.457" v="11680"/>
            <ac:spMkLst>
              <pc:docMk/>
              <pc:sldMasterMk cId="2454702602" sldId="2147483662"/>
              <pc:sldLayoutMk cId="2945711255" sldId="2147483677"/>
              <ac:spMk id="4" creationId="{00000000-0000-0000-0000-000000000000}"/>
            </ac:spMkLst>
          </pc:spChg>
          <pc:spChg chg="mod">
            <ac:chgData name="Alan Wai Hou Lio" userId="4e2e7dda-a9a8-4e9f-8daf-fb8d3a66df36" providerId="ADAL" clId="{A187811C-1732-45C9-9529-FA7F9D274379}" dt="2021-06-15T10:35:40.460" v="11681" actId="790"/>
            <ac:spMkLst>
              <pc:docMk/>
              <pc:sldMasterMk cId="2454702602" sldId="2147483662"/>
              <pc:sldLayoutMk cId="2945711255" sldId="2147483677"/>
              <ac:spMk id="7" creationId="{02499420-B0E8-4C8A-8C00-E21262271ADD}"/>
            </ac:spMkLst>
          </pc:spChg>
          <pc:spChg chg="mod">
            <ac:chgData name="Alan Wai Hou Lio" userId="4e2e7dda-a9a8-4e9f-8daf-fb8d3a66df36" providerId="ADAL" clId="{A187811C-1732-45C9-9529-FA7F9D274379}" dt="2021-06-15T10:35:40.463" v="11682" actId="790"/>
            <ac:spMkLst>
              <pc:docMk/>
              <pc:sldMasterMk cId="2454702602" sldId="2147483662"/>
              <pc:sldLayoutMk cId="2945711255" sldId="2147483677"/>
              <ac:spMk id="8" creationId="{E3EE7F0E-E606-41AC-BBBF-B5AECB1112EB}"/>
            </ac:spMkLst>
          </pc:spChg>
          <pc:spChg chg="mod">
            <ac:chgData name="Alan Wai Hou Lio" userId="4e2e7dda-a9a8-4e9f-8daf-fb8d3a66df36" providerId="ADAL" clId="{A187811C-1732-45C9-9529-FA7F9D274379}" dt="2021-06-15T10:35:40.456" v="11678"/>
            <ac:spMkLst>
              <pc:docMk/>
              <pc:sldMasterMk cId="2454702602" sldId="2147483662"/>
              <pc:sldLayoutMk cId="2945711255" sldId="2147483677"/>
              <ac:spMk id="9" creationId="{5EB1D5E1-0C4E-4A74-BE37-26307F7E2821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Frozen wake vs steady-state gradient</a:t>
            </a:r>
          </a:p>
          <a:p>
            <a:r>
              <a:rPr lang="en-GB" dirty="0"/>
              <a:t>Axial induction factor is frozen  before reaching to a new equilibrium. This is known as dynamic inflow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6222160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Steady state gradient, NOT frozen-wake gradient </a:t>
            </a:r>
          </a:p>
          <a:p>
            <a:r>
              <a:rPr lang="en-GB" dirty="0"/>
              <a:t>Since we don’t have a dynamic inflow model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3501805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(1) Random guess of initial </a:t>
            </a:r>
            <a:r>
              <a:rPr lang="en-GB" dirty="0" err="1"/>
              <a:t>Kp</a:t>
            </a:r>
            <a:r>
              <a:rPr lang="en-GB" dirty="0"/>
              <a:t> and Ki that </a:t>
            </a:r>
            <a:r>
              <a:rPr lang="en-GB"/>
              <a:t>ensures convergenc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0933714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28600" indent="-228600">
              <a:buAutoNum type="arabicParenBoth"/>
            </a:pPr>
            <a:r>
              <a:rPr lang="en-GB" dirty="0"/>
              <a:t>Instability if we didn’t use GS</a:t>
            </a:r>
          </a:p>
          <a:p>
            <a:pPr marL="228600" indent="-228600">
              <a:buAutoNum type="arabicParenBoth"/>
            </a:pPr>
            <a:r>
              <a:rPr lang="en-GB" dirty="0"/>
              <a:t>Rotor speed similar, expected. The desired response with respect to the tuning omega and zeta</a:t>
            </a:r>
          </a:p>
          <a:p>
            <a:pPr marL="228600" indent="-228600">
              <a:buAutoNum type="arabicParenBoth"/>
            </a:pPr>
            <a:r>
              <a:rPr lang="en-GB" dirty="0"/>
              <a:t>Constant power better at regulating power, however higher tower loads and more </a:t>
            </a:r>
            <a:r>
              <a:rPr lang="en-GB" dirty="0" err="1"/>
              <a:t>genTorq</a:t>
            </a:r>
            <a:r>
              <a:rPr lang="en-GB" dirty="0"/>
              <a:t> ac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3406144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2e20b93-f8f0-4438-9d21-6230dbd4e858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 Energy</a:t>
            </a:r>
          </a:p>
        </p:txBody>
      </p:sp>
      <p:sp>
        <p:nvSpPr>
          <p:cNvPr id="5" name="date" descr="{&quot;templafy&quot;:{&quot;id&quot;:&quot;405b9a8a-8b41-41ab-8c32-d93f4eb448b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5 June 2021</a:t>
            </a:r>
          </a:p>
        </p:txBody>
      </p:sp>
      <p:sp>
        <p:nvSpPr>
          <p:cNvPr id="7" name="text" descr="{&quot;templafy&quot;:{&quot;id&quot;:&quot;bd0d50e4-bc21-458e-ac32-a3237323919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51" y="6548503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r>
              <a:rPr lang="en-GB" sz="800" dirty="0">
                <a:solidFill>
                  <a:schemeClr val="bg1"/>
                </a:solidFill>
              </a:rPr>
              <a:t>Controller design and tuning</a:t>
            </a:r>
            <a:endParaRPr lang="en-GB" sz="700" b="1" kern="1200" dirty="0">
              <a:solidFill>
                <a:schemeClr val="bg1"/>
              </a:solidFill>
              <a:latin typeface="+mn-lt"/>
              <a:ea typeface="ＭＳ Ｐゴシック" pitchFamily="-80" charset="-128"/>
              <a:cs typeface="+mn-cs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5.png"/><Relationship Id="rId4" Type="http://schemas.openxmlformats.org/officeDocument/2006/relationships/image" Target="../media/image26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emf"/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1.png"/><Relationship Id="rId5" Type="http://schemas.openxmlformats.org/officeDocument/2006/relationships/image" Target="../media/image39.png"/><Relationship Id="rId4" Type="http://schemas.openxmlformats.org/officeDocument/2006/relationships/image" Target="../media/image30.emf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3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34.tmp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6.png"/><Relationship Id="rId5" Type="http://schemas.openxmlformats.org/officeDocument/2006/relationships/image" Target="../media/image12.emf"/><Relationship Id="rId4" Type="http://schemas.openxmlformats.org/officeDocument/2006/relationships/image" Target="../media/image45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0.emf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tmp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hyperlink" Target="mailto:wali@dtu.dk" TargetMode="Externa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8.png"/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9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png"/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7.png"/><Relationship Id="rId5" Type="http://schemas.openxmlformats.org/officeDocument/2006/relationships/image" Target="../media/image44.png"/><Relationship Id="rId4" Type="http://schemas.openxmlformats.org/officeDocument/2006/relationships/image" Target="../media/image56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9.png"/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6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1.png"/><Relationship Id="rId2" Type="http://schemas.openxmlformats.org/officeDocument/2006/relationships/image" Target="../media/image6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4.png"/><Relationship Id="rId5" Type="http://schemas.openxmlformats.org/officeDocument/2006/relationships/image" Target="../media/image52.png"/><Relationship Id="rId4" Type="http://schemas.openxmlformats.org/officeDocument/2006/relationships/image" Target="../media/image62.png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image" Target="NULL"/><Relationship Id="rId3" Type="http://schemas.openxmlformats.org/officeDocument/2006/relationships/image" Target="../media/image53.png"/><Relationship Id="rId7" Type="http://schemas.openxmlformats.org/officeDocument/2006/relationships/image" Target="NUL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Relationship Id="rId6" Type="http://schemas.openxmlformats.org/officeDocument/2006/relationships/image" Target="NULL"/><Relationship Id="rId5" Type="http://schemas.openxmlformats.org/officeDocument/2006/relationships/image" Target="NULL"/><Relationship Id="rId4" Type="http://schemas.openxmlformats.org/officeDocument/2006/relationships/image" Target="../media/image55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7.png"/><Relationship Id="rId7" Type="http://schemas.openxmlformats.org/officeDocument/2006/relationships/image" Target="../media/image7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70.png"/><Relationship Id="rId5" Type="http://schemas.openxmlformats.org/officeDocument/2006/relationships/image" Target="../media/image69.png"/><Relationship Id="rId4" Type="http://schemas.openxmlformats.org/officeDocument/2006/relationships/image" Target="../media/image56.emf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7.emf"/><Relationship Id="rId7" Type="http://schemas.openxmlformats.org/officeDocument/2006/relationships/image" Target="../media/image77.png"/><Relationship Id="rId2" Type="http://schemas.openxmlformats.org/officeDocument/2006/relationships/image" Target="../media/image72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76.png"/><Relationship Id="rId5" Type="http://schemas.openxmlformats.org/officeDocument/2006/relationships/image" Target="../media/image75.png"/><Relationship Id="rId4" Type="http://schemas.openxmlformats.org/officeDocument/2006/relationships/image" Target="../media/image58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8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3.png"/><Relationship Id="rId2" Type="http://schemas.openxmlformats.org/officeDocument/2006/relationships/image" Target="../media/image79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81.png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4.emf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6.emf"/><Relationship Id="rId4" Type="http://schemas.openxmlformats.org/officeDocument/2006/relationships/image" Target="../media/image65.emf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openxmlformats.org/officeDocument/2006/relationships/image" Target="../media/image2.jpg"/><Relationship Id="rId7" Type="http://schemas.openxmlformats.org/officeDocument/2006/relationships/image" Target="../media/image6.png"/><Relationship Id="rId2" Type="http://schemas.openxmlformats.org/officeDocument/2006/relationships/image" Target="../media/image1.emf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tmp"/><Relationship Id="rId1" Type="http://schemas.openxmlformats.org/officeDocument/2006/relationships/slideLayout" Target="../slideLayouts/slideLayout3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alanliowh/Control_Online_Course" TargetMode="Externa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13" Type="http://schemas.openxmlformats.org/officeDocument/2006/relationships/image" Target="../media/image17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50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1.tmp"/><Relationship Id="rId5" Type="http://schemas.openxmlformats.org/officeDocument/2006/relationships/image" Target="../media/image10.tmp"/><Relationship Id="rId10" Type="http://schemas.openxmlformats.org/officeDocument/2006/relationships/image" Target="../media/image12.emf"/><Relationship Id="rId4" Type="http://schemas.openxmlformats.org/officeDocument/2006/relationships/image" Target="../media/image9.tmp"/><Relationship Id="rId9" Type="http://schemas.openxmlformats.org/officeDocument/2006/relationships/image" Target="../media/image15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tmp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png"/><Relationship Id="rId3" Type="http://schemas.openxmlformats.org/officeDocument/2006/relationships/image" Target="../media/image18.png"/><Relationship Id="rId7" Type="http://schemas.openxmlformats.org/officeDocument/2006/relationships/image" Target="../media/image17.tmp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Relationship Id="rId6" Type="http://schemas.openxmlformats.org/officeDocument/2006/relationships/hyperlink" Target="Derivation_of_Control_Equation_for_wind_turbine.pdf" TargetMode="External"/><Relationship Id="rId5" Type="http://schemas.openxmlformats.org/officeDocument/2006/relationships/image" Target="../media/image21.png"/><Relationship Id="rId4" Type="http://schemas.openxmlformats.org/officeDocument/2006/relationships/image" Target="../media/image19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png"/><Relationship Id="rId3" Type="http://schemas.openxmlformats.org/officeDocument/2006/relationships/image" Target="../media/image25.png"/><Relationship Id="rId7" Type="http://schemas.openxmlformats.org/officeDocument/2006/relationships/image" Target="../media/image23.emf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7.png"/><Relationship Id="rId5" Type="http://schemas.openxmlformats.org/officeDocument/2006/relationships/image" Target="../media/image260.png"/><Relationship Id="rId4" Type="http://schemas.openxmlformats.org/officeDocument/2006/relationships/image" Target="../media/image2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F8B7F4-0A0D-4962-87F6-BAE6C65A186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: Analysi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91A3AF-AC87-49FD-B92A-FFDD593D86C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Linearised equation of drive-train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Closed-loop equation as second-order system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1C7F647-21E2-46C4-8E70-A3E068D1668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9C8D3CC6-CE82-4A55-A45F-D6CCA955A890}"/>
                  </a:ext>
                </a:extLst>
              </p:cNvPr>
              <p:cNvSpPr/>
              <p:nvPr/>
            </p:nvSpPr>
            <p:spPr>
              <a:xfrm>
                <a:off x="2134766" y="1988840"/>
                <a:ext cx="5077287" cy="476925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d>
                      <m:dPr>
                        <m:ctrlPr>
                          <a:rPr lang="en-GB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  <m:r>
                          <a:rPr lang="en-GB" i="1">
                            <a:latin typeface="Cambria Math" panose="02040503050406030204" pitchFamily="18" charset="0"/>
                          </a:rPr>
                          <m:t>+</m:t>
                        </m:r>
                        <m:sSubSup>
                          <m:sSubSupPr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  <m:sup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bSup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e>
                    </m:d>
                    <m:acc>
                      <m:accPr>
                        <m:chr m:val="̈"/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GB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</a:rPr>
                          <m:t>𝑑𝑄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</a:rPr>
                          <m:t>𝑑𝑉</m:t>
                        </m:r>
                      </m:den>
                    </m:f>
                    <m:r>
                      <m:rPr>
                        <m:sty m:val="p"/>
                      </m:rPr>
                      <a:rPr lang="en-GB">
                        <a:latin typeface="Cambria Math" panose="02040503050406030204" pitchFamily="18" charset="0"/>
                      </a:rPr>
                      <m:t>Δ</m:t>
                    </m:r>
                    <m:r>
                      <a:rPr lang="en-GB" i="1">
                        <a:latin typeface="Cambria Math" panose="02040503050406030204" pitchFamily="18" charset="0"/>
                      </a:rPr>
                      <m:t>𝑣</m:t>
                    </m:r>
                    <m:r>
                      <a:rPr lang="en-GB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</a:rPr>
                          <m:t>𝑑𝑄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</a:rPr>
                          <m:t>𝑑</m:t>
                        </m:r>
                        <m:r>
                          <m:rPr>
                            <m:sty m:val="p"/>
                          </m:rPr>
                          <a:rPr lang="en-GB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acc>
                      <m:accPr>
                        <m:chr m:val="̇"/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GB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</a:rPr>
                          <m:t>𝑑𝑄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</a:rPr>
                          <m:t>𝑑</m:t>
                        </m:r>
                        <m:r>
                          <a:rPr lang="en-GB" i="1">
                            <a:latin typeface="Cambria Math" panose="02040503050406030204" pitchFamily="18" charset="0"/>
                          </a:rPr>
                          <m:t>𝜃</m:t>
                        </m:r>
                      </m:den>
                    </m:f>
                    <m:r>
                      <m:rPr>
                        <m:sty m:val="p"/>
                      </m:rPr>
                      <a:rPr lang="en-GB">
                        <a:latin typeface="Cambria Math" panose="02040503050406030204" pitchFamily="18" charset="0"/>
                      </a:rPr>
                      <m:t>Δ</m:t>
                    </m:r>
                    <m:r>
                      <a:rPr lang="en-GB" i="1">
                        <a:latin typeface="Cambria Math" panose="02040503050406030204" pitchFamily="18" charset="0"/>
                      </a:rPr>
                      <m:t>𝜃</m:t>
                    </m:r>
                    <m:r>
                      <a:rPr lang="en-GB" i="1">
                        <a:latin typeface="Cambria Math" panose="02040503050406030204" pitchFamily="18" charset="0"/>
                      </a:rPr>
                      <m:t>−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r>
                      <a:rPr lang="en-GB" i="1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𝑃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sub>
                    </m:sSub>
                    <m:acc>
                      <m:accPr>
                        <m:chr m:val="̇"/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GB" i="1">
                        <a:latin typeface="Cambria Math" panose="02040503050406030204" pitchFamily="18" charset="0"/>
                      </a:rPr>
                      <m:t>+</m:t>
                    </m:r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GB" i="1">
                        <a:latin typeface="Cambria Math" panose="02040503050406030204" pitchFamily="18" charset="0"/>
                      </a:rPr>
                      <m:t>𝜙</m:t>
                    </m:r>
                  </m:oMath>
                </a14:m>
                <a:r>
                  <a:rPr lang="en-GB" dirty="0"/>
                  <a:t>)</a:t>
                </a:r>
              </a:p>
            </p:txBody>
          </p:sp>
        </mc:Choice>
        <mc:Fallback xmlns="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9C8D3CC6-CE82-4A55-A45F-D6CCA955A890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134766" y="1988840"/>
                <a:ext cx="5077287" cy="476925"/>
              </a:xfrm>
              <a:prstGeom prst="rect">
                <a:avLst/>
              </a:prstGeom>
              <a:blipFill>
                <a:blip r:embed="rId2"/>
                <a:stretch>
                  <a:fillRect b="-256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6" name="Gruppe 4">
            <a:extLst>
              <a:ext uri="{FF2B5EF4-FFF2-40B4-BE49-F238E27FC236}">
                <a16:creationId xmlns:a16="http://schemas.microsoft.com/office/drawing/2014/main" id="{1E996333-FE2B-4CBD-B266-D61B9AB360E1}"/>
              </a:ext>
            </a:extLst>
          </p:cNvPr>
          <p:cNvGrpSpPr/>
          <p:nvPr/>
        </p:nvGrpSpPr>
        <p:grpSpPr>
          <a:xfrm>
            <a:off x="1805731" y="3054014"/>
            <a:ext cx="5945659" cy="1369054"/>
            <a:chOff x="2640251" y="5223555"/>
            <a:chExt cx="5853860" cy="1280303"/>
          </a:xfrm>
        </p:grpSpPr>
        <p:pic>
          <p:nvPicPr>
            <p:cNvPr id="7" name="Picture 4">
              <a:extLst>
                <a:ext uri="{FF2B5EF4-FFF2-40B4-BE49-F238E27FC236}">
                  <a16:creationId xmlns:a16="http://schemas.microsoft.com/office/drawing/2014/main" id="{B133E0F6-464F-4826-8D8E-973C61A16281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3168"/>
            <a:stretch/>
          </p:blipFill>
          <p:spPr bwMode="auto">
            <a:xfrm>
              <a:off x="2640251" y="5223555"/>
              <a:ext cx="5853860" cy="900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8" name="Tekstboks 3">
              <a:extLst>
                <a:ext uri="{FF2B5EF4-FFF2-40B4-BE49-F238E27FC236}">
                  <a16:creationId xmlns:a16="http://schemas.microsoft.com/office/drawing/2014/main" id="{CF33B6B0-E309-45D0-862E-C2DBFC23C11B}"/>
                </a:ext>
              </a:extLst>
            </p:cNvPr>
            <p:cNvSpPr txBox="1"/>
            <p:nvPr/>
          </p:nvSpPr>
          <p:spPr>
            <a:xfrm>
              <a:off x="3042406" y="6165304"/>
              <a:ext cx="723275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dirty="0" err="1"/>
                <a:t>mass</a:t>
              </a:r>
              <a:endParaRPr lang="da-DK" dirty="0"/>
            </a:p>
          </p:txBody>
        </p:sp>
        <p:sp>
          <p:nvSpPr>
            <p:cNvPr id="9" name="Tekstboks 7">
              <a:extLst>
                <a:ext uri="{FF2B5EF4-FFF2-40B4-BE49-F238E27FC236}">
                  <a16:creationId xmlns:a16="http://schemas.microsoft.com/office/drawing/2014/main" id="{45C6DC81-6E42-47BD-A886-B52A72A9C5EB}"/>
                </a:ext>
              </a:extLst>
            </p:cNvPr>
            <p:cNvSpPr txBox="1"/>
            <p:nvPr/>
          </p:nvSpPr>
          <p:spPr>
            <a:xfrm>
              <a:off x="5090163" y="6165304"/>
              <a:ext cx="1079142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dirty="0"/>
                <a:t>damping</a:t>
              </a:r>
            </a:p>
          </p:txBody>
        </p:sp>
        <p:sp>
          <p:nvSpPr>
            <p:cNvPr id="10" name="Tekstboks 8">
              <a:extLst>
                <a:ext uri="{FF2B5EF4-FFF2-40B4-BE49-F238E27FC236}">
                  <a16:creationId xmlns:a16="http://schemas.microsoft.com/office/drawing/2014/main" id="{37E83785-A267-4539-B607-7D833C280081}"/>
                </a:ext>
              </a:extLst>
            </p:cNvPr>
            <p:cNvSpPr txBox="1"/>
            <p:nvPr/>
          </p:nvSpPr>
          <p:spPr>
            <a:xfrm>
              <a:off x="6998652" y="6165304"/>
              <a:ext cx="1039067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dirty="0" err="1"/>
                <a:t>stiffness</a:t>
              </a:r>
              <a:endParaRPr lang="da-DK" dirty="0"/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D01DD4B1-C4AD-4131-88DA-800EE8F98AA2}"/>
                  </a:ext>
                </a:extLst>
              </p:cNvPr>
              <p:cNvSpPr/>
              <p:nvPr/>
            </p:nvSpPr>
            <p:spPr>
              <a:xfrm>
                <a:off x="7730059" y="3090638"/>
                <a:ext cx="2012344" cy="676724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20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zh-TW" altLang="en-GB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2000" i="1">
                              <a:latin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zh-TW" altLang="en-GB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2000" i="1">
                              <a:latin typeface="Cambria Math" panose="02040503050406030204" pitchFamily="18" charset="0"/>
                            </a:rPr>
                            <m:t>𝜃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GB" sz="20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GB" sz="2000" i="1">
                          <a:latin typeface="Cambria Math" panose="02040503050406030204" pitchFamily="18" charset="0"/>
                        </a:rPr>
                        <m:t>𝜃</m:t>
                      </m:r>
                      <m:r>
                        <a:rPr lang="en-GB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f>
                        <m:fPr>
                          <m:ctrlPr>
                            <a:rPr lang="en-GB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zh-TW" altLang="en-GB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2000" i="1">
                              <a:latin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zh-TW" altLang="en-GB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2000" i="1">
                              <a:latin typeface="Cambria Math" panose="02040503050406030204" pitchFamily="18" charset="0"/>
                            </a:rPr>
                            <m:t>𝑉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GB" sz="20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GB" sz="2000" i="1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sz="2000" dirty="0"/>
              </a:p>
            </p:txBody>
          </p:sp>
        </mc:Choice>
        <mc:Fallback xmlns=""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D01DD4B1-C4AD-4131-88DA-800EE8F98A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730059" y="3090638"/>
                <a:ext cx="2012344" cy="676724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DFED6F42-CBB9-4817-B9EE-B8CFC41F6A10}"/>
              </a:ext>
            </a:extLst>
          </p:cNvPr>
          <p:cNvCxnSpPr/>
          <p:nvPr/>
        </p:nvCxnSpPr>
        <p:spPr bwMode="auto">
          <a:xfrm flipV="1">
            <a:off x="7751390" y="2924944"/>
            <a:ext cx="792088" cy="1091458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076CB2AF-4999-446A-9C77-D3C7D5BC06ED}"/>
              </a:ext>
            </a:extLst>
          </p:cNvPr>
          <p:cNvSpPr txBox="1"/>
          <p:nvPr/>
        </p:nvSpPr>
        <p:spPr>
          <a:xfrm>
            <a:off x="8621540" y="3923565"/>
            <a:ext cx="126637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External force</a:t>
            </a:r>
          </a:p>
        </p:txBody>
      </p:sp>
    </p:spTree>
    <p:extLst>
      <p:ext uri="{BB962C8B-B14F-4D97-AF65-F5344CB8AC3E}">
        <p14:creationId xmlns:p14="http://schemas.microsoft.com/office/powerpoint/2010/main" val="319909247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el 1"/>
          <p:cNvSpPr>
            <a:spLocks noGrp="1"/>
          </p:cNvSpPr>
          <p:nvPr>
            <p:ph type="title"/>
          </p:nvPr>
        </p:nvSpPr>
        <p:spPr>
          <a:xfrm>
            <a:off x="611188" y="148616"/>
            <a:ext cx="10563358" cy="1143000"/>
          </a:xfrm>
        </p:spPr>
        <p:txBody>
          <a:bodyPr/>
          <a:lstStyle/>
          <a:p>
            <a:r>
              <a:rPr lang="en-GB" dirty="0"/>
              <a:t>Region 2: Speed regulation </a:t>
            </a:r>
          </a:p>
        </p:txBody>
      </p:sp>
      <p:sp>
        <p:nvSpPr>
          <p:cNvPr id="14" name="Pladsholder til indhold 2"/>
          <p:cNvSpPr>
            <a:spLocks noGrp="1"/>
          </p:cNvSpPr>
          <p:nvPr>
            <p:ph idx="1"/>
          </p:nvPr>
        </p:nvSpPr>
        <p:spPr>
          <a:xfrm>
            <a:off x="622300" y="1449388"/>
            <a:ext cx="11017250" cy="4795402"/>
          </a:xfrm>
        </p:spPr>
        <p:txBody>
          <a:bodyPr/>
          <a:lstStyle/>
          <a:p>
            <a:pPr marL="0" indent="0">
              <a:buNone/>
            </a:pPr>
            <a:r>
              <a:rPr lang="en-GB" dirty="0"/>
              <a:t>The linearized closed-loop controller equation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</p:txBody>
      </p:sp>
      <p:grpSp>
        <p:nvGrpSpPr>
          <p:cNvPr id="20" name="Gruppe 12"/>
          <p:cNvGrpSpPr/>
          <p:nvPr/>
        </p:nvGrpSpPr>
        <p:grpSpPr>
          <a:xfrm>
            <a:off x="9323980" y="217823"/>
            <a:ext cx="1510820" cy="1104350"/>
            <a:chOff x="9323980" y="217823"/>
            <a:chExt cx="1510820" cy="1104350"/>
          </a:xfrm>
        </p:grpSpPr>
        <p:pic>
          <p:nvPicPr>
            <p:cNvPr id="21" name="Billede 13"/>
            <p:cNvPicPr>
              <a:picLocks noChangeAspect="1"/>
            </p:cNvPicPr>
            <p:nvPr/>
          </p:nvPicPr>
          <p:blipFill rotWithShape="1"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0795" t="4334" r="7473" b="10001"/>
            <a:stretch/>
          </p:blipFill>
          <p:spPr>
            <a:xfrm>
              <a:off x="9323980" y="217823"/>
              <a:ext cx="1510820" cy="1080000"/>
            </a:xfrm>
            <a:prstGeom prst="rect">
              <a:avLst/>
            </a:prstGeom>
          </p:spPr>
        </p:pic>
        <p:sp>
          <p:nvSpPr>
            <p:cNvPr id="22" name="Rektangel 14"/>
            <p:cNvSpPr/>
            <p:nvPr/>
          </p:nvSpPr>
          <p:spPr bwMode="auto">
            <a:xfrm>
              <a:off x="9837862" y="224173"/>
              <a:ext cx="198000" cy="1098000"/>
            </a:xfrm>
            <a:prstGeom prst="rect">
              <a:avLst/>
            </a:prstGeom>
            <a:noFill/>
            <a:ln w="38100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23" name="Rektangel 15"/>
              <p:cNvSpPr/>
              <p:nvPr/>
            </p:nvSpPr>
            <p:spPr bwMode="auto">
              <a:xfrm>
                <a:off x="731497" y="3645024"/>
                <a:ext cx="10656388" cy="2289120"/>
              </a:xfrm>
              <a:prstGeom prst="rect">
                <a:avLst/>
              </a:prstGeom>
              <a:ln>
                <a:headEnd type="none" w="med" len="med"/>
                <a:tailEnd type="none" w="med" len="med"/>
              </a:ln>
            </p:spPr>
            <p:style>
              <a:lnRef idx="3">
                <a:schemeClr val="lt1"/>
              </a:lnRef>
              <a:fillRef idx="1">
                <a:schemeClr val="accent1"/>
              </a:fillRef>
              <a:effectRef idx="1">
                <a:schemeClr val="accent1"/>
              </a:effectRef>
              <a:fontRef idx="minor">
                <a:schemeClr val="lt1"/>
              </a:fontRef>
            </p:style>
            <p:txBody>
              <a:bodyPr vert="horz" wrap="square" lIns="144000" tIns="144000" rIns="144000" bIns="108000" numCol="1" rtlCol="0" anchor="t" anchorCtr="0" compatLnSpc="1">
                <a:prstTxWarp prst="textNoShape">
                  <a:avLst/>
                </a:prstTxWarp>
                <a:spAutoFit/>
              </a:bodyPr>
              <a:lstStyle/>
              <a:p>
                <a:pPr>
                  <a:spcBef>
                    <a:spcPts val="1800"/>
                  </a:spcBef>
                </a:pP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xercise: Calculate th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𝑷</m:t>
                            </m:r>
                          </m:sub>
                        </m:sSub>
                      </m:e>
                      <m:sub>
                        <m:r>
                          <a:rPr lang="en-GB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kumimoji="0" lang="en-GB" sz="2000" b="1" i="1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kumimoji="0" lang="en-GB" sz="20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𝑰</m:t>
                            </m:r>
                          </m:sub>
                        </m:sSub>
                      </m:e>
                      <m:sub>
                        <m:r>
                          <a:rPr lang="en-GB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endParaRPr kumimoji="0" lang="en-GB" sz="2000" b="1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Write the equation in standard form (</a:t>
                </a:r>
                <a14:m>
                  <m:oMath xmlns:m="http://schemas.openxmlformats.org/officeDocument/2006/math">
                    <m:acc>
                      <m:accPr>
                        <m:chr m:val="̈"/>
                        <m:ctrlP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accPr>
                      <m:e>
                        <m: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𝜙</m:t>
                        </m:r>
                      </m:e>
                    </m:acc>
                    <m:r>
                      <a:rPr kumimoji="0" lang="en-GB" sz="18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+2</m:t>
                    </m:r>
                    <m:sSub>
                      <m:sSubPr>
                        <m:ctrlP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kumimoji="0" lang="en-GB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kumimoji="0" lang="en-GB" sz="1800" b="0" i="0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kumimoji="0" lang="en-GB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sSub>
                      <m:sSubPr>
                        <m:ctrlP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sSub>
                          <m:sSubPr>
                            <m:ctrlPr>
                              <a:rPr kumimoji="0" lang="en-GB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kumimoji="0" lang="en-GB" sz="1800" b="0" i="0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kumimoji="0" lang="en-GB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acc>
                      <m:accPr>
                        <m:chr m:val="̇"/>
                        <m:ctrlP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accPr>
                      <m:e>
                        <m: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𝜙</m:t>
                        </m:r>
                      </m:e>
                    </m:acc>
                    <m:r>
                      <a:rPr kumimoji="0" lang="en-GB" sz="18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+</m:t>
                    </m:r>
                    <m:sSubSup>
                      <m:sSubSupPr>
                        <m:ctrlP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SupPr>
                      <m:e>
                        <m: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kumimoji="0" lang="en-GB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kumimoji="0" lang="en-GB" sz="1800" b="0" i="0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kumimoji="0" lang="en-GB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𝑛</m:t>
                            </m:r>
                          </m:sub>
                        </m:sSub>
                      </m:sub>
                      <m:sup>
                        <m: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2</m:t>
                        </m:r>
                      </m:sup>
                    </m:sSubSup>
                    <m:r>
                      <a:rPr kumimoji="0" lang="en-GB" sz="18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𝜙</m:t>
                    </m:r>
                    <m:r>
                      <a:rPr kumimoji="0" lang="en-GB" sz="18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=0</m:t>
                    </m:r>
                  </m:oMath>
                </a14:m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, tip: assuming</a:t>
                </a:r>
                <a:r>
                  <a:rPr kumimoji="0" lang="en-GB" sz="18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kumimoji="0" lang="en-GB" sz="1800" b="0" i="0" u="none" strike="noStrike" cap="none" normalizeH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Δ</m:t>
                    </m:r>
                    <m:r>
                      <a:rPr kumimoji="0" lang="en-GB" sz="1800" b="0" i="1" u="none" strike="noStrike" cap="none" normalizeH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𝑣</m:t>
                    </m:r>
                    <m:r>
                      <a:rPr kumimoji="0" lang="en-GB" sz="1800" b="0" i="1" u="none" strike="noStrike" cap="none" normalizeH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=0</m:t>
                    </m:r>
                  </m:oMath>
                </a14:m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).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What are the natural frequency and damping coefficient in terms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𝐼</m:t>
                        </m:r>
                      </m:e>
                      <m:sub>
                        <m: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𝑟</m:t>
                        </m:r>
                      </m:sub>
                    </m:sSub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𝐼</m:t>
                        </m:r>
                      </m:e>
                      <m:sub>
                        <m: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 </m:t>
                    </m:r>
                    <m:sSub>
                      <m:sSubPr>
                        <m:ctrlP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𝑛</m:t>
                        </m:r>
                      </m:e>
                      <m:sub>
                        <m: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𝜂</m:t>
                    </m:r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f>
                      <m:fPr>
                        <m:ctrlP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fPr>
                      <m:num>
                        <m:r>
                          <a:rPr lang="zh-TW" alt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𝑄</m:t>
                        </m:r>
                      </m:num>
                      <m:den>
                        <m:r>
                          <a:rPr lang="zh-TW" alt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GB" sz="1800" b="0" i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Ω</m:t>
                        </m:r>
                      </m:den>
                    </m:f>
                    <m:r>
                      <a:rPr lang="en-GB" sz="1800" b="0" i="0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GB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𝑘</m:t>
                            </m:r>
                          </m:e>
                          <m:sub>
                            <m:r>
                              <a:rPr lang="en-GB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𝑃</m:t>
                            </m:r>
                          </m:sub>
                        </m:sSub>
                      </m:e>
                      <m:sub>
                        <m: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GB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𝑘</m:t>
                            </m:r>
                          </m:e>
                          <m:sub>
                            <m:r>
                              <a:rPr lang="en-GB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𝐼</m:t>
                            </m:r>
                          </m:sub>
                        </m:sSub>
                      </m:e>
                      <m:sub>
                        <m: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?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Use your two equations from </a:t>
                </a:r>
                <a:r>
                  <a:rPr lang="en-GB" sz="18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qn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2 to calculate </a:t>
                </a:r>
                <a:r>
                  <a:rPr lang="en-GB" sz="18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g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</a:t>
                </a:r>
                <a:r>
                  <a:rPr lang="en-GB" sz="18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Ig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in terms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𝐼</m:t>
                        </m:r>
                      </m:e>
                      <m:sub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𝑟</m:t>
                        </m:r>
                      </m:sub>
                    </m:sSub>
                    <m:r>
                      <a:rPr lang="en-GB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𝐼</m:t>
                        </m:r>
                      </m:e>
                      <m:sub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  <m:r>
                      <a:rPr lang="en-GB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 </m:t>
                    </m:r>
                    <m:sSub>
                      <m:sSubPr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𝑛</m:t>
                        </m:r>
                      </m:e>
                      <m:sub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  <m:r>
                      <a:rPr lang="en-GB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r>
                      <a:rPr lang="en-GB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𝜂</m:t>
                    </m:r>
                    <m:r>
                      <a:rPr lang="en-GB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f>
                      <m:fPr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fPr>
                      <m:num>
                        <m:r>
                          <a:rPr lang="zh-TW" alt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𝑄</m:t>
                        </m:r>
                      </m:num>
                      <m:den>
                        <m:r>
                          <a:rPr lang="zh-TW" alt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GB" sz="180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Ω</m:t>
                        </m:r>
                      </m:den>
                    </m:f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GB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sSub>
                          <m:sSubPr>
                            <m:ctrlP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GB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</m:oMath>
                </a14:m>
                <a:endParaRPr kumimoji="0" lang="en-GB" sz="1800" b="0" i="0" u="none" strike="noStrike" cap="none" normalizeH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</p:txBody>
          </p:sp>
        </mc:Choice>
        <mc:Fallback xmlns="">
          <p:sp>
            <p:nvSpPr>
              <p:cNvPr id="23" name="Rektangel 15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731497" y="3645024"/>
                <a:ext cx="10656388" cy="228912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24" name="Gruppe 4">
            <a:extLst>
              <a:ext uri="{FF2B5EF4-FFF2-40B4-BE49-F238E27FC236}">
                <a16:creationId xmlns:a16="http://schemas.microsoft.com/office/drawing/2014/main" id="{7C4B63FB-8C4A-414F-81BE-5B34D5724D12}"/>
              </a:ext>
            </a:extLst>
          </p:cNvPr>
          <p:cNvGrpSpPr/>
          <p:nvPr/>
        </p:nvGrpSpPr>
        <p:grpSpPr>
          <a:xfrm>
            <a:off x="550863" y="2016930"/>
            <a:ext cx="5945659" cy="1314808"/>
            <a:chOff x="2640251" y="5223555"/>
            <a:chExt cx="5853860" cy="1229574"/>
          </a:xfrm>
        </p:grpSpPr>
        <p:pic>
          <p:nvPicPr>
            <p:cNvPr id="25" name="Picture 4">
              <a:extLst>
                <a:ext uri="{FF2B5EF4-FFF2-40B4-BE49-F238E27FC236}">
                  <a16:creationId xmlns:a16="http://schemas.microsoft.com/office/drawing/2014/main" id="{298A64E8-5367-4175-96A0-BFB321B82E07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3168"/>
            <a:stretch/>
          </p:blipFill>
          <p:spPr bwMode="auto">
            <a:xfrm>
              <a:off x="2640251" y="5223555"/>
              <a:ext cx="5853860" cy="900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26" name="Tekstboks 3">
              <a:extLst>
                <a:ext uri="{FF2B5EF4-FFF2-40B4-BE49-F238E27FC236}">
                  <a16:creationId xmlns:a16="http://schemas.microsoft.com/office/drawing/2014/main" id="{FDF072EB-AF6C-4AFF-AD7B-00AC466D5F02}"/>
                </a:ext>
              </a:extLst>
            </p:cNvPr>
            <p:cNvSpPr txBox="1"/>
            <p:nvPr/>
          </p:nvSpPr>
          <p:spPr>
            <a:xfrm>
              <a:off x="3042406" y="6165304"/>
              <a:ext cx="642665" cy="28782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sz="1400" dirty="0" err="1"/>
                <a:t>mass</a:t>
              </a:r>
              <a:endParaRPr lang="da-DK" sz="1400" dirty="0"/>
            </a:p>
          </p:txBody>
        </p:sp>
        <p:sp>
          <p:nvSpPr>
            <p:cNvPr id="27" name="Tekstboks 7">
              <a:extLst>
                <a:ext uri="{FF2B5EF4-FFF2-40B4-BE49-F238E27FC236}">
                  <a16:creationId xmlns:a16="http://schemas.microsoft.com/office/drawing/2014/main" id="{F0BD229F-D1E4-4968-8F5B-8ACC609696F1}"/>
                </a:ext>
              </a:extLst>
            </p:cNvPr>
            <p:cNvSpPr txBox="1"/>
            <p:nvPr/>
          </p:nvSpPr>
          <p:spPr>
            <a:xfrm>
              <a:off x="5090163" y="6165304"/>
              <a:ext cx="952002" cy="28782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sz="1400" dirty="0"/>
                <a:t>damping</a:t>
              </a:r>
            </a:p>
          </p:txBody>
        </p:sp>
        <p:sp>
          <p:nvSpPr>
            <p:cNvPr id="28" name="Tekstboks 8">
              <a:extLst>
                <a:ext uri="{FF2B5EF4-FFF2-40B4-BE49-F238E27FC236}">
                  <a16:creationId xmlns:a16="http://schemas.microsoft.com/office/drawing/2014/main" id="{29C01CCD-1226-4934-9ADD-E7A2FE79044D}"/>
                </a:ext>
              </a:extLst>
            </p:cNvPr>
            <p:cNvSpPr txBox="1"/>
            <p:nvPr/>
          </p:nvSpPr>
          <p:spPr>
            <a:xfrm>
              <a:off x="6998652" y="6165304"/>
              <a:ext cx="915703" cy="28782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sz="1400" dirty="0" err="1"/>
                <a:t>stiffness</a:t>
              </a:r>
              <a:endParaRPr lang="da-DK" sz="1400" dirty="0"/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697C54CA-0407-4B2F-A3EE-56CB4A545AE5}"/>
                  </a:ext>
                </a:extLst>
              </p:cNvPr>
              <p:cNvSpPr/>
              <p:nvPr/>
            </p:nvSpPr>
            <p:spPr>
              <a:xfrm>
                <a:off x="6475191" y="2053556"/>
                <a:ext cx="2012344" cy="618311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zh-TW" altLang="en-GB" sz="18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zh-TW" altLang="en-GB" sz="18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𝜃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GB" sz="18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𝜃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+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zh-TW" altLang="en-GB" sz="18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zh-TW" altLang="en-GB" sz="18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𝑉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GB" sz="18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sz="1800" dirty="0"/>
              </a:p>
            </p:txBody>
          </p:sp>
        </mc:Choice>
        <mc:Fallback xmlns=""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697C54CA-0407-4B2F-A3EE-56CB4A545AE5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475191" y="2053556"/>
                <a:ext cx="2012344" cy="618311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11B80FFA-51EC-4915-BD53-C7F3843864A3}"/>
              </a:ext>
            </a:extLst>
          </p:cNvPr>
          <p:cNvCxnSpPr/>
          <p:nvPr/>
        </p:nvCxnSpPr>
        <p:spPr bwMode="auto">
          <a:xfrm flipV="1">
            <a:off x="6496522" y="1887862"/>
            <a:ext cx="792088" cy="1091458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1" name="TextBox 30">
            <a:extLst>
              <a:ext uri="{FF2B5EF4-FFF2-40B4-BE49-F238E27FC236}">
                <a16:creationId xmlns:a16="http://schemas.microsoft.com/office/drawing/2014/main" id="{FA91661E-C4F3-48FC-BE65-F374D11415FD}"/>
              </a:ext>
            </a:extLst>
          </p:cNvPr>
          <p:cNvSpPr txBox="1"/>
          <p:nvPr/>
        </p:nvSpPr>
        <p:spPr>
          <a:xfrm>
            <a:off x="7366672" y="2886483"/>
            <a:ext cx="110447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dirty="0">
                <a:latin typeface="+mn-lt"/>
              </a:rPr>
              <a:t>External force</a:t>
            </a:r>
          </a:p>
        </p:txBody>
      </p:sp>
    </p:spTree>
    <p:extLst>
      <p:ext uri="{BB962C8B-B14F-4D97-AF65-F5344CB8AC3E}">
        <p14:creationId xmlns:p14="http://schemas.microsoft.com/office/powerpoint/2010/main" val="168043787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61BF4E5-CCCD-4AE2-B05C-EA75A916B0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: Exercise answer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9A0932E-11C2-4203-B4D9-6ABB1D6B152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6671270" y="5802275"/>
                <a:ext cx="4968552" cy="507045"/>
              </a:xfr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/>
              <a:lstStyle/>
              <a:p>
                <a:pPr marL="0" indent="0">
                  <a:buNone/>
                </a:pPr>
                <a:r>
                  <a:rPr lang="en-GB" dirty="0"/>
                  <a:t> Sometimes, we assume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i="1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GB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​</m:t>
                            </m:r>
                          </m:e>
                        </m:d>
                      </m:e>
                      <m:sub>
                        <m:r>
                          <a:rPr lang="en-GB" i="1">
                            <a:latin typeface="Cambria Math" panose="02040503050406030204" pitchFamily="18" charset="0"/>
                          </a:rPr>
                          <m:t>𝑜𝑝</m:t>
                        </m:r>
                      </m:sub>
                    </m:sSub>
                  </m:oMath>
                </a14:m>
                <a:r>
                  <a:rPr lang="en-GB" dirty="0"/>
                  <a:t> = 0 negligible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9A0932E-11C2-4203-B4D9-6ABB1D6B152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6671270" y="5802275"/>
                <a:ext cx="4968552" cy="507045"/>
              </a:xfrm>
              <a:blipFill>
                <a:blip r:embed="rId2"/>
                <a:stretch>
                  <a:fillRect l="-1343" t="-77011" b="-10574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1CAE4A-1D4F-43AB-8032-9350BD2ADC6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2EA6E13-C1FE-4466-8583-2B50C3B980A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82838" y="2653381"/>
            <a:ext cx="1864800" cy="729000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8CB08CFA-7336-4113-ADAD-14792D6A154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52944"/>
          <a:stretch/>
        </p:blipFill>
        <p:spPr>
          <a:xfrm>
            <a:off x="6014414" y="3365606"/>
            <a:ext cx="2844993" cy="372684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607BD9D2-2196-489B-973C-611FAD354868}"/>
                  </a:ext>
                </a:extLst>
              </p:cNvPr>
              <p:cNvSpPr txBox="1"/>
              <p:nvPr/>
            </p:nvSpPr>
            <p:spPr>
              <a:xfrm>
                <a:off x="2676972" y="3429000"/>
                <a:ext cx="2076531" cy="78688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𝜁</m:t>
                          </m:r>
                        </m:e>
                        <m:sub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GB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f>
                            <m:f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𝑘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𝑃</m:t>
                                  </m:r>
                                </m:sub>
                              </m:sSub>
                            </m:e>
                            <m: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zh-TW" altLang="en-GB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zh-TW" altLang="en-GB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GB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​</m:t>
                                  </m:r>
                                </m:e>
                              </m:d>
                            </m:e>
                            <m: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𝑜𝑝</m:t>
                              </m:r>
                            </m:sub>
                          </m:s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 </m:t>
                          </m:r>
                        </m:num>
                        <m:den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  <m:d>
                            <m:d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GB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</m:den>
                      </m:f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607BD9D2-2196-489B-973C-611FAD35486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676972" y="3429000"/>
                <a:ext cx="2076531" cy="786882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06622A5E-48AD-4B65-9E92-DB2373C1911C}"/>
                  </a:ext>
                </a:extLst>
              </p:cNvPr>
              <p:cNvSpPr txBox="1"/>
              <p:nvPr/>
            </p:nvSpPr>
            <p:spPr>
              <a:xfrm>
                <a:off x="6023198" y="2749813"/>
                <a:ext cx="3637599" cy="8507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  <m: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sub>
                          </m:sSub>
                        </m:e>
                        <m: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𝜂</m:t>
                      </m:r>
                      <m:d>
                        <m:d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  <m:d>
                            <m:d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GB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GB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f>
                            <m:f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zh-TW" altLang="en-GB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zh-TW" altLang="en-GB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GB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sSub>
                            <m:sSub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GB" i="1">
                                      <a:latin typeface="Cambria Math" panose="02040503050406030204" pitchFamily="18" charset="0"/>
                                    </a:rPr>
                                    <m:t>​</m:t>
                                  </m:r>
                                </m:e>
                              </m:d>
                            </m:e>
                            <m:sub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𝑜𝑝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endParaRPr lang="en-GB" b="0" dirty="0">
                  <a:latin typeface="+mn-lt"/>
                </a:endParaRPr>
              </a:p>
              <a:p>
                <a:pPr>
                  <a:spcBef>
                    <a:spcPts val="432"/>
                  </a:spcBef>
                </a:pPr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06622A5E-48AD-4B65-9E92-DB2373C1911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023198" y="2749813"/>
                <a:ext cx="3637599" cy="850746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0396490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/>
          </p:nvPr>
        </p:nvSpPr>
        <p:spPr>
          <a:xfrm>
            <a:off x="694606" y="116632"/>
            <a:ext cx="10563358" cy="854968"/>
          </a:xfrm>
        </p:spPr>
        <p:txBody>
          <a:bodyPr/>
          <a:lstStyle/>
          <a:p>
            <a:r>
              <a:rPr lang="en-GB" dirty="0"/>
              <a:t>Region 2.5: Pole-placement</a:t>
            </a:r>
          </a:p>
        </p:txBody>
      </p:sp>
      <p:pic>
        <p:nvPicPr>
          <p:cNvPr id="12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519142" y="1772816"/>
            <a:ext cx="5632216" cy="393940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13" name="Tekstboks 3"/>
              <p:cNvSpPr txBox="1"/>
              <p:nvPr/>
            </p:nvSpPr>
            <p:spPr>
              <a:xfrm>
                <a:off x="478582" y="3933056"/>
                <a:ext cx="4882878" cy="1340981"/>
              </a:xfrm>
              <a:prstGeom prst="rect">
                <a:avLst/>
              </a:prstGeom>
            </p:spPr>
            <p:style>
              <a:lnRef idx="3">
                <a:schemeClr val="lt1"/>
              </a:lnRef>
              <a:fillRef idx="1">
                <a:schemeClr val="accent1"/>
              </a:fillRef>
              <a:effectRef idx="1">
                <a:schemeClr val="accent1"/>
              </a:effectRef>
              <a:fontRef idx="minor">
                <a:schemeClr val="lt1"/>
              </a:fontRef>
            </p:style>
            <p:txBody>
              <a:bodyPr wrap="square" lIns="108000" tIns="108000" rIns="108000" bIns="108000" rtlCol="0">
                <a:sp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GB" sz="2000">
                    <a:latin typeface="Arial Rounded MT Bold" panose="020F0704030504030204" pitchFamily="34" charset="0"/>
                  </a:rPr>
                  <a:t>Rule of thumb:</a:t>
                </a:r>
              </a:p>
              <a:p>
                <a:pPr marL="342900" indent="-342900">
                  <a:spcBef>
                    <a:spcPts val="600"/>
                  </a:spcBef>
                  <a:buFont typeface="Arial" panose="020B0604020202020204" pitchFamily="34" charset="0"/>
                  <a:buChar char="•"/>
                </a:pPr>
                <a:r>
                  <a:rPr lang="en-GB" sz="1800">
                    <a:latin typeface="Arial Rounded MT Bold" panose="020F0704030504030204" pitchFamily="34" charset="0"/>
                  </a:rPr>
                  <a:t>Higher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800" b="1" i="1" smtClean="0">
                            <a:latin typeface="Cambria Math"/>
                          </a:rPr>
                          <m:t>𝝎</m:t>
                        </m:r>
                      </m:e>
                      <m:sub>
                        <m:sSub>
                          <m:sSubPr>
                            <m:ctrlPr>
                              <a:rPr lang="en-GB" sz="1800" b="1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sz="1800" b="1" i="0" smtClean="0">
                                <a:latin typeface="Cambria Math"/>
                              </a:rPr>
                              <m:t>𝛀</m:t>
                            </m:r>
                          </m:e>
                          <m:sub>
                            <m:r>
                              <a:rPr lang="en-GB" sz="1800" b="1" i="1" smtClean="0">
                                <a:latin typeface="Cambria Math"/>
                              </a:rPr>
                              <m:t>𝒈</m:t>
                            </m:r>
                          </m:sub>
                        </m:sSub>
                      </m:sub>
                    </m:sSub>
                  </m:oMath>
                </a14:m>
                <a:r>
                  <a:rPr lang="en-GB" sz="1800" dirty="0">
                    <a:latin typeface="Arial Rounded MT Bold" panose="020F0704030504030204" pitchFamily="34" charset="0"/>
                  </a:rPr>
                  <a:t>, “faster</a:t>
                </a:r>
                <a:r>
                  <a:rPr lang="en-GB" sz="1800">
                    <a:latin typeface="Arial Rounded MT Bold" panose="020F0704030504030204" pitchFamily="34" charset="0"/>
                  </a:rPr>
                  <a:t>” reponse</a:t>
                </a:r>
              </a:p>
              <a:p>
                <a:pPr marL="342900" indent="-342900">
                  <a:spcBef>
                    <a:spcPts val="600"/>
                  </a:spcBef>
                  <a:buFont typeface="Arial" panose="020B0604020202020204" pitchFamily="34" charset="0"/>
                  <a:buChar char="•"/>
                </a:pPr>
                <a:r>
                  <a:rPr lang="en-GB" sz="1800">
                    <a:latin typeface="Arial Rounded MT Bold" panose="020F0704030504030204" pitchFamily="34" charset="0"/>
                  </a:rPr>
                  <a:t>Higher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800" b="1" i="1" smtClean="0">
                            <a:latin typeface="Cambria Math"/>
                          </a:rPr>
                          <m:t>𝜻</m:t>
                        </m:r>
                      </m:e>
                      <m:sub>
                        <m:sSub>
                          <m:sSubPr>
                            <m:ctrlPr>
                              <a:rPr lang="en-GB" sz="1800" b="1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sz="1800" b="1" i="0" smtClean="0">
                                <a:latin typeface="Cambria Math"/>
                              </a:rPr>
                              <m:t>𝛀</m:t>
                            </m:r>
                          </m:e>
                          <m:sub>
                            <m:r>
                              <a:rPr lang="en-GB" sz="1800" b="1" i="1" smtClean="0">
                                <a:latin typeface="Cambria Math"/>
                              </a:rPr>
                              <m:t>𝒈</m:t>
                            </m:r>
                          </m:sub>
                        </m:sSub>
                      </m:sub>
                    </m:sSub>
                  </m:oMath>
                </a14:m>
                <a:r>
                  <a:rPr lang="en-GB" sz="1800" dirty="0">
                    <a:latin typeface="Arial Rounded MT Bold" panose="020F0704030504030204" pitchFamily="34" charset="0"/>
                  </a:rPr>
                  <a:t>, less overshoot</a:t>
                </a:r>
              </a:p>
            </p:txBody>
          </p:sp>
        </mc:Choice>
        <mc:Fallback xmlns="">
          <p:sp>
            <p:nvSpPr>
              <p:cNvPr id="13" name="Tekstboks 3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8582" y="3933056"/>
                <a:ext cx="4882878" cy="1340981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" name="Rectangle 1">
                <a:extLst>
                  <a:ext uri="{FF2B5EF4-FFF2-40B4-BE49-F238E27FC236}">
                    <a16:creationId xmlns:a16="http://schemas.microsoft.com/office/drawing/2014/main" id="{CE090246-05AF-4C68-A64A-4D1AEDA0AFF1}"/>
                  </a:ext>
                </a:extLst>
              </p:cNvPr>
              <p:cNvSpPr/>
              <p:nvPr/>
            </p:nvSpPr>
            <p:spPr>
              <a:xfrm>
                <a:off x="550590" y="1484784"/>
                <a:ext cx="4810870" cy="1621598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marL="285750" indent="-285750">
                  <a:buFont typeface="Arial" panose="020B0604020202020204" pitchFamily="34" charset="0"/>
                  <a:buChar char="•"/>
                </a:pPr>
                <a:r>
                  <a:rPr lang="en-GB" dirty="0"/>
                  <a:t>Engineers can freely choose the behaviour of the closed-loop speed mode.</a:t>
                </a:r>
              </a:p>
              <a:p>
                <a:pPr marL="285750" indent="-285750">
                  <a:buFont typeface="Arial" panose="020B0604020202020204" pitchFamily="34" charset="0"/>
                  <a:buChar char="•"/>
                </a:pPr>
                <a:r>
                  <a:rPr lang="en-GB" dirty="0"/>
                  <a:t>Remember: the response oscillates at the </a:t>
                </a:r>
                <a:r>
                  <a:rPr lang="en-GB" b="1" i="1" u="sng" dirty="0"/>
                  <a:t>damped</a:t>
                </a:r>
                <a:r>
                  <a:rPr lang="en-GB" dirty="0"/>
                  <a:t> natural frequenc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1" i="1" smtClean="0">
                            <a:latin typeface="Cambria Math" panose="02040503050406030204" pitchFamily="18" charset="0"/>
                          </a:rPr>
                          <m:t>𝝎</m:t>
                        </m:r>
                      </m:e>
                      <m:sub>
                        <m:r>
                          <a:rPr lang="en-GB" b="1" i="1" smtClean="0">
                            <a:latin typeface="Cambria Math" panose="02040503050406030204" pitchFamily="18" charset="0"/>
                          </a:rPr>
                          <m:t>𝒏</m:t>
                        </m:r>
                      </m:sub>
                    </m:sSub>
                    <m:rad>
                      <m:radPr>
                        <m:degHide m:val="on"/>
                        <m:ctrlPr>
                          <a:rPr lang="en-GB" b="1" i="1" smtClean="0">
                            <a:latin typeface="Cambria Math" panose="02040503050406030204" pitchFamily="18" charset="0"/>
                          </a:rPr>
                        </m:ctrlPr>
                      </m:radPr>
                      <m:deg/>
                      <m:e>
                        <m:sSup>
                          <m:sSupPr>
                            <m:ctrlPr>
                              <a:rPr lang="en-GB" b="1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GB" b="1" i="1" smtClean="0">
                                <a:latin typeface="Cambria Math" panose="02040503050406030204" pitchFamily="18" charset="0"/>
                              </a:rPr>
                              <m:t>𝟏</m:t>
                            </m:r>
                            <m:r>
                              <a:rPr lang="en-GB" b="1" i="1" smtClean="0">
                                <a:latin typeface="Cambria Math" panose="02040503050406030204" pitchFamily="18" charset="0"/>
                              </a:rPr>
                              <m:t>−</m:t>
                            </m:r>
                            <m:r>
                              <a:rPr lang="en-GB" b="1" i="1" smtClean="0">
                                <a:latin typeface="Cambria Math" panose="02040503050406030204" pitchFamily="18" charset="0"/>
                              </a:rPr>
                              <m:t>𝜻</m:t>
                            </m:r>
                          </m:e>
                          <m:sup>
                            <m:r>
                              <a:rPr lang="en-GB" b="1" i="1" smtClean="0">
                                <a:latin typeface="Cambria Math" panose="02040503050406030204" pitchFamily="18" charset="0"/>
                              </a:rPr>
                              <m:t>𝟐</m:t>
                            </m:r>
                          </m:sup>
                        </m:sSup>
                        <m:r>
                          <a:rPr lang="en-GB" b="1" i="1" smtClean="0">
                            <a:latin typeface="Cambria Math" panose="02040503050406030204" pitchFamily="18" charset="0"/>
                          </a:rPr>
                          <m:t> </m:t>
                        </m:r>
                      </m:e>
                    </m:rad>
                  </m:oMath>
                </a14:m>
                <a:endParaRPr lang="en-GB" dirty="0"/>
              </a:p>
              <a:p>
                <a:pPr marL="285750" indent="-285750">
                  <a:buFont typeface="Arial" panose="020B0604020202020204" pitchFamily="34" charset="0"/>
                  <a:buChar char="•"/>
                </a:pPr>
                <a:endParaRPr lang="en-GB" dirty="0"/>
              </a:p>
            </p:txBody>
          </p:sp>
        </mc:Choice>
        <mc:Fallback xmlns="">
          <p:sp>
            <p:nvSpPr>
              <p:cNvPr id="2" name="Rectangle 1">
                <a:extLst>
                  <a:ext uri="{FF2B5EF4-FFF2-40B4-BE49-F238E27FC236}">
                    <a16:creationId xmlns:a16="http://schemas.microsoft.com/office/drawing/2014/main" id="{CE090246-05AF-4C68-A64A-4D1AEDA0AFF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0590" y="1484784"/>
                <a:ext cx="4810870" cy="1621598"/>
              </a:xfrm>
              <a:prstGeom prst="rect">
                <a:avLst/>
              </a:prstGeom>
              <a:blipFill>
                <a:blip r:embed="rId4"/>
                <a:stretch>
                  <a:fillRect l="-506" t="-1128" r="-63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80028973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1BE180-15AE-45B1-B0CF-CC7E0D3577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: Pole-placem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B544C37-D530-40A5-8756-49C98918214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4133857" cy="4545578"/>
          </a:xfrm>
        </p:spPr>
        <p:txBody>
          <a:bodyPr/>
          <a:lstStyle/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Speed regulator mode frequency should be :</a:t>
            </a:r>
          </a:p>
          <a:p>
            <a:pPr lvl="1"/>
            <a:r>
              <a:rPr lang="en-GB" dirty="0"/>
              <a:t>Not too low to avoid large rotor speed oscillation </a:t>
            </a:r>
          </a:p>
          <a:p>
            <a:pPr lvl="1"/>
            <a:r>
              <a:rPr lang="en-GB" dirty="0"/>
              <a:t>Not too high to avoid tower excita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3D6B305-33D3-4D4A-B608-EF3BAE494B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7" name="Picture 6" descr="Chart, line chart&#10;&#10;Description automatically generated">
            <a:extLst>
              <a:ext uri="{FF2B5EF4-FFF2-40B4-BE49-F238E27FC236}">
                <a16:creationId xmlns:a16="http://schemas.microsoft.com/office/drawing/2014/main" id="{57823D9C-E772-4681-9494-B43B388CD17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91349" y="3002115"/>
            <a:ext cx="4567933" cy="344735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F0F1FD43-5A39-4C54-A90C-352956C0E5B8}"/>
              </a:ext>
            </a:extLst>
          </p:cNvPr>
          <p:cNvGrpSpPr/>
          <p:nvPr/>
        </p:nvGrpSpPr>
        <p:grpSpPr>
          <a:xfrm>
            <a:off x="406574" y="1571547"/>
            <a:ext cx="8082181" cy="1369054"/>
            <a:chOff x="1805731" y="3054014"/>
            <a:chExt cx="8082181" cy="1369054"/>
          </a:xfrm>
        </p:grpSpPr>
        <p:grpSp>
          <p:nvGrpSpPr>
            <p:cNvPr id="8" name="Gruppe 4">
              <a:extLst>
                <a:ext uri="{FF2B5EF4-FFF2-40B4-BE49-F238E27FC236}">
                  <a16:creationId xmlns:a16="http://schemas.microsoft.com/office/drawing/2014/main" id="{3831CEBF-CF22-420A-AFD0-2C3BE2740347}"/>
                </a:ext>
              </a:extLst>
            </p:cNvPr>
            <p:cNvGrpSpPr/>
            <p:nvPr/>
          </p:nvGrpSpPr>
          <p:grpSpPr>
            <a:xfrm>
              <a:off x="1805731" y="3054014"/>
              <a:ext cx="5945659" cy="1369054"/>
              <a:chOff x="2640251" y="5223555"/>
              <a:chExt cx="5853860" cy="1280303"/>
            </a:xfrm>
          </p:grpSpPr>
          <p:pic>
            <p:nvPicPr>
              <p:cNvPr id="9" name="Picture 4">
                <a:extLst>
                  <a:ext uri="{FF2B5EF4-FFF2-40B4-BE49-F238E27FC236}">
                    <a16:creationId xmlns:a16="http://schemas.microsoft.com/office/drawing/2014/main" id="{59186F45-8DE9-424C-B83C-B4CF999CB3CB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3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r="3168"/>
              <a:stretch/>
            </p:blipFill>
            <p:spPr bwMode="auto">
              <a:xfrm>
                <a:off x="2640251" y="5223555"/>
                <a:ext cx="5853860" cy="900000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</p:pic>
          <p:sp>
            <p:nvSpPr>
              <p:cNvPr id="10" name="Tekstboks 3">
                <a:extLst>
                  <a:ext uri="{FF2B5EF4-FFF2-40B4-BE49-F238E27FC236}">
                    <a16:creationId xmlns:a16="http://schemas.microsoft.com/office/drawing/2014/main" id="{594A7D40-E400-47E3-99A9-6BB7F2A18496}"/>
                  </a:ext>
                </a:extLst>
              </p:cNvPr>
              <p:cNvSpPr txBox="1"/>
              <p:nvPr/>
            </p:nvSpPr>
            <p:spPr>
              <a:xfrm>
                <a:off x="3042406" y="6165304"/>
                <a:ext cx="723275" cy="338554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da-DK" dirty="0" err="1"/>
                  <a:t>mass</a:t>
                </a:r>
                <a:endParaRPr lang="da-DK" dirty="0"/>
              </a:p>
            </p:txBody>
          </p:sp>
          <p:sp>
            <p:nvSpPr>
              <p:cNvPr id="11" name="Tekstboks 7">
                <a:extLst>
                  <a:ext uri="{FF2B5EF4-FFF2-40B4-BE49-F238E27FC236}">
                    <a16:creationId xmlns:a16="http://schemas.microsoft.com/office/drawing/2014/main" id="{D35BFA52-4F31-43A4-8AC7-855465A73736}"/>
                  </a:ext>
                </a:extLst>
              </p:cNvPr>
              <p:cNvSpPr txBox="1"/>
              <p:nvPr/>
            </p:nvSpPr>
            <p:spPr>
              <a:xfrm>
                <a:off x="5090163" y="6165304"/>
                <a:ext cx="1079142" cy="338554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da-DK" dirty="0"/>
                  <a:t>damping</a:t>
                </a:r>
              </a:p>
            </p:txBody>
          </p:sp>
          <p:sp>
            <p:nvSpPr>
              <p:cNvPr id="12" name="Tekstboks 8">
                <a:extLst>
                  <a:ext uri="{FF2B5EF4-FFF2-40B4-BE49-F238E27FC236}">
                    <a16:creationId xmlns:a16="http://schemas.microsoft.com/office/drawing/2014/main" id="{07D5D59D-CDF5-4444-9E12-183AD1C94EAB}"/>
                  </a:ext>
                </a:extLst>
              </p:cNvPr>
              <p:cNvSpPr txBox="1"/>
              <p:nvPr/>
            </p:nvSpPr>
            <p:spPr>
              <a:xfrm>
                <a:off x="6998652" y="6165304"/>
                <a:ext cx="1039067" cy="338554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da-DK" dirty="0" err="1"/>
                  <a:t>stiffness</a:t>
                </a:r>
                <a:endParaRPr lang="da-DK" dirty="0"/>
              </a:p>
            </p:txBody>
          </p:sp>
        </p:grp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3" name="Rectangle 12">
                  <a:extLst>
                    <a:ext uri="{FF2B5EF4-FFF2-40B4-BE49-F238E27FC236}">
                      <a16:creationId xmlns:a16="http://schemas.microsoft.com/office/drawing/2014/main" id="{629D76B2-68C6-4B0A-B93F-EEF502AD4029}"/>
                    </a:ext>
                  </a:extLst>
                </p:cNvPr>
                <p:cNvSpPr/>
                <p:nvPr/>
              </p:nvSpPr>
              <p:spPr>
                <a:xfrm>
                  <a:off x="7730059" y="3090638"/>
                  <a:ext cx="2012344" cy="676724"/>
                </a:xfrm>
                <a:prstGeom prst="rect">
                  <a:avLst/>
                </a:prstGeom>
              </p:spPr>
              <p:txBody>
                <a:bodyPr wrap="squar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US" sz="200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zh-TW" altLang="en-US" sz="2000" i="1">
                                <a:latin typeface="Cambria Math" panose="02040503050406030204" pitchFamily="18" charset="0"/>
                              </a:rPr>
                              <m:t>𝜕</m:t>
                            </m:r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𝑄</m:t>
                            </m:r>
                          </m:num>
                          <m:den>
                            <m:r>
                              <a:rPr lang="zh-TW" altLang="en-US" sz="2000" i="1">
                                <a:latin typeface="Cambria Math" panose="02040503050406030204" pitchFamily="18" charset="0"/>
                              </a:rPr>
                              <m:t>𝜕</m:t>
                            </m:r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𝜃</m:t>
                            </m:r>
                          </m:den>
                        </m:f>
                        <m:r>
                          <m:rPr>
                            <m:sty m:val="p"/>
                          </m:rPr>
                          <a:rPr lang="en-US" sz="2000">
                            <a:latin typeface="Cambria Math" panose="02040503050406030204" pitchFamily="18" charset="0"/>
                          </a:rPr>
                          <m:t>Δ</m:t>
                        </m:r>
                        <m:r>
                          <a:rPr lang="en-US" sz="2000" i="1">
                            <a:latin typeface="Cambria Math" panose="02040503050406030204" pitchFamily="18" charset="0"/>
                          </a:rPr>
                          <m:t>𝜃</m:t>
                        </m:r>
                        <m:r>
                          <a:rPr lang="en-US" sz="2000" b="0" i="1" smtClean="0">
                            <a:latin typeface="Cambria Math" panose="02040503050406030204" pitchFamily="18" charset="0"/>
                          </a:rPr>
                          <m:t>+</m:t>
                        </m:r>
                        <m:f>
                          <m:f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zh-TW" altLang="en-US" sz="2000" i="1">
                                <a:latin typeface="Cambria Math" panose="02040503050406030204" pitchFamily="18" charset="0"/>
                              </a:rPr>
                              <m:t>𝜕</m:t>
                            </m:r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𝑄</m:t>
                            </m:r>
                          </m:num>
                          <m:den>
                            <m:r>
                              <a:rPr lang="zh-TW" altLang="en-US" sz="2000" i="1">
                                <a:latin typeface="Cambria Math" panose="02040503050406030204" pitchFamily="18" charset="0"/>
                              </a:rPr>
                              <m:t>𝜕</m:t>
                            </m:r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𝑉</m:t>
                            </m:r>
                          </m:den>
                        </m:f>
                        <m:r>
                          <m:rPr>
                            <m:sty m:val="p"/>
                          </m:rPr>
                          <a:rPr lang="en-US" sz="2000">
                            <a:latin typeface="Cambria Math" panose="02040503050406030204" pitchFamily="18" charset="0"/>
                          </a:rPr>
                          <m:t>Δ</m:t>
                        </m:r>
                        <m:r>
                          <a:rPr lang="en-US" sz="2000" i="1">
                            <a:latin typeface="Cambria Math" panose="02040503050406030204" pitchFamily="18" charset="0"/>
                          </a:rPr>
                          <m:t>𝑣</m:t>
                        </m:r>
                      </m:oMath>
                    </m:oMathPara>
                  </a14:m>
                  <a:endParaRPr lang="en-GB" sz="2000" dirty="0"/>
                </a:p>
              </p:txBody>
            </p:sp>
          </mc:Choice>
          <mc:Fallback xmlns="">
            <p:sp>
              <p:nvSpPr>
                <p:cNvPr id="13" name="Rectangle 12">
                  <a:extLst>
                    <a:ext uri="{FF2B5EF4-FFF2-40B4-BE49-F238E27FC236}">
                      <a16:creationId xmlns:a16="http://schemas.microsoft.com/office/drawing/2014/main" id="{629D76B2-68C6-4B0A-B93F-EEF502AD4029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730059" y="3090638"/>
                  <a:ext cx="2012344" cy="676724"/>
                </a:xfrm>
                <a:prstGeom prst="rect">
                  <a:avLst/>
                </a:prstGeom>
                <a:blipFill>
                  <a:blip r:embed="rId4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F59079F1-8FFB-4D78-ABF1-B8E49F00F620}"/>
                </a:ext>
              </a:extLst>
            </p:cNvPr>
            <p:cNvSpPr txBox="1"/>
            <p:nvPr/>
          </p:nvSpPr>
          <p:spPr>
            <a:xfrm>
              <a:off x="8621540" y="3923565"/>
              <a:ext cx="126637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dirty="0">
                  <a:latin typeface="+mn-lt"/>
                </a:rPr>
                <a:t>External force</a:t>
              </a:r>
            </a:p>
          </p:txBody>
        </p:sp>
      </p:grp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1602EB6-CB34-43FC-BA2C-D80AC4BD7FAB}"/>
              </a:ext>
            </a:extLst>
          </p:cNvPr>
          <p:cNvCxnSpPr/>
          <p:nvPr/>
        </p:nvCxnSpPr>
        <p:spPr bwMode="auto">
          <a:xfrm flipV="1">
            <a:off x="6352233" y="1527237"/>
            <a:ext cx="792088" cy="1091458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18" name="Group 17">
            <a:extLst>
              <a:ext uri="{FF2B5EF4-FFF2-40B4-BE49-F238E27FC236}">
                <a16:creationId xmlns:a16="http://schemas.microsoft.com/office/drawing/2014/main" id="{A097DDE9-1452-471D-917B-D4EB44F2718D}"/>
              </a:ext>
            </a:extLst>
          </p:cNvPr>
          <p:cNvGrpSpPr/>
          <p:nvPr/>
        </p:nvGrpSpPr>
        <p:grpSpPr>
          <a:xfrm>
            <a:off x="7679382" y="187504"/>
            <a:ext cx="4694097" cy="1420667"/>
            <a:chOff x="5735166" y="4118979"/>
            <a:chExt cx="6638313" cy="2386872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BC4804B6-6607-4EE3-9A7A-931A82812AA2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5735166" y="4118979"/>
              <a:ext cx="6638313" cy="2386872"/>
            </a:xfrm>
            <a:prstGeom prst="rect">
              <a:avLst/>
            </a:prstGeom>
          </p:spPr>
        </p:pic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15D88D71-425E-4150-8BBD-9BF0EB6B661B}"/>
                </a:ext>
              </a:extLst>
            </p:cNvPr>
            <p:cNvCxnSpPr/>
            <p:nvPr/>
          </p:nvCxnSpPr>
          <p:spPr bwMode="auto">
            <a:xfrm>
              <a:off x="7622905" y="5589240"/>
              <a:ext cx="1064589" cy="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triangle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1" name="Rectangle 20">
                  <a:extLst>
                    <a:ext uri="{FF2B5EF4-FFF2-40B4-BE49-F238E27FC236}">
                      <a16:creationId xmlns:a16="http://schemas.microsoft.com/office/drawing/2014/main" id="{E99C6E9E-B2C0-4D86-891A-5C6A162F73E6}"/>
                    </a:ext>
                  </a:extLst>
                </p:cNvPr>
                <p:cNvSpPr/>
                <p:nvPr/>
              </p:nvSpPr>
              <p:spPr>
                <a:xfrm>
                  <a:off x="7528195" y="5623278"/>
                  <a:ext cx="1244006" cy="469697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en-US" sz="1000" b="1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1000" b="1" i="1">
                                <a:latin typeface="Cambria Math" panose="02040503050406030204" pitchFamily="18" charset="0"/>
                              </a:rPr>
                              <m:t>𝝎</m:t>
                            </m:r>
                          </m:e>
                          <m:sub>
                            <m:r>
                              <a:rPr lang="en-US" sz="1000" b="1" i="1">
                                <a:latin typeface="Cambria Math" panose="02040503050406030204" pitchFamily="18" charset="0"/>
                              </a:rPr>
                              <m:t>𝒏</m:t>
                            </m:r>
                          </m:sub>
                        </m:sSub>
                        <m:rad>
                          <m:radPr>
                            <m:degHide m:val="on"/>
                            <m:ctrlPr>
                              <a:rPr lang="en-US" sz="1000" b="1" i="1" smtClean="0">
                                <a:latin typeface="Cambria Math" panose="02040503050406030204" pitchFamily="18" charset="0"/>
                              </a:rPr>
                            </m:ctrlPr>
                          </m:radPr>
                          <m:deg/>
                          <m:e>
                            <m:sSup>
                              <m:sSupPr>
                                <m:ctrlPr>
                                  <a:rPr lang="en-US" sz="1000" b="1" i="1" smtClean="0">
                                    <a:latin typeface="Cambria Math" panose="02040503050406030204" pitchFamily="18" charset="0"/>
                                  </a:rPr>
                                </m:ctrlPr>
                              </m:sSupPr>
                              <m:e>
                                <m:r>
                                  <a:rPr lang="en-US" sz="1000" b="1" i="1" smtClean="0">
                                    <a:latin typeface="Cambria Math" panose="02040503050406030204" pitchFamily="18" charset="0"/>
                                  </a:rPr>
                                  <m:t>𝟏</m:t>
                                </m:r>
                                <m:r>
                                  <a:rPr lang="en-US" sz="1000" b="1" i="1" smtClean="0">
                                    <a:latin typeface="Cambria Math" panose="02040503050406030204" pitchFamily="18" charset="0"/>
                                  </a:rPr>
                                  <m:t>−</m:t>
                                </m:r>
                                <m:r>
                                  <a:rPr lang="en-US" sz="1000" b="1" i="1" smtClean="0">
                                    <a:latin typeface="Cambria Math" panose="02040503050406030204" pitchFamily="18" charset="0"/>
                                  </a:rPr>
                                  <m:t>𝜻</m:t>
                                </m:r>
                              </m:e>
                              <m:sup>
                                <m:r>
                                  <a:rPr lang="en-US" sz="1000" b="1" i="1" smtClean="0">
                                    <a:latin typeface="Cambria Math" panose="02040503050406030204" pitchFamily="18" charset="0"/>
                                  </a:rPr>
                                  <m:t>𝟐</m:t>
                                </m:r>
                              </m:sup>
                            </m:sSup>
                            <m:r>
                              <a:rPr lang="en-US" sz="1000" b="1" i="1" smtClean="0">
                                <a:latin typeface="Cambria Math" panose="02040503050406030204" pitchFamily="18" charset="0"/>
                              </a:rPr>
                              <m:t> </m:t>
                            </m:r>
                          </m:e>
                        </m:rad>
                      </m:oMath>
                    </m:oMathPara>
                  </a14:m>
                  <a:endParaRPr lang="en-GB" sz="1000" dirty="0"/>
                </a:p>
              </p:txBody>
            </p:sp>
          </mc:Choice>
          <mc:Fallback xmlns="">
            <p:sp>
              <p:nvSpPr>
                <p:cNvPr id="21" name="Rectangle 20">
                  <a:extLst>
                    <a:ext uri="{FF2B5EF4-FFF2-40B4-BE49-F238E27FC236}">
                      <a16:creationId xmlns:a16="http://schemas.microsoft.com/office/drawing/2014/main" id="{E99C6E9E-B2C0-4D86-891A-5C6A162F73E6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528195" y="5623278"/>
                  <a:ext cx="1244006" cy="469697"/>
                </a:xfrm>
                <a:prstGeom prst="rect">
                  <a:avLst/>
                </a:prstGeom>
                <a:blipFill>
                  <a:blip r:embed="rId6"/>
                  <a:stretch>
                    <a:fillRect b="-4444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08A56240-C831-44DD-8ED3-380BE92B2963}"/>
                </a:ext>
              </a:extLst>
            </p:cNvPr>
            <p:cNvSpPr txBox="1"/>
            <p:nvPr/>
          </p:nvSpPr>
          <p:spPr>
            <a:xfrm>
              <a:off x="8789033" y="5759340"/>
              <a:ext cx="1502014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sz="1000" dirty="0">
                  <a:latin typeface="+mn-lt"/>
                </a:rPr>
                <a:t>Damped natural frequency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13374845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127770-4DB1-4526-8A57-C68204F7DF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 : Exercis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D9C970-D567-4766-83BA-6532DD52CF5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DTU 10MW</a:t>
            </a:r>
          </a:p>
          <a:p>
            <a:pPr lvl="1"/>
            <a:r>
              <a:rPr lang="en-GB" dirty="0"/>
              <a:t> tower natural frequency = 0.25 Hz (</a:t>
            </a:r>
            <a:r>
              <a:rPr lang="en-GB" sz="1600" kern="1200" dirty="0" err="1">
                <a:solidFill>
                  <a:srgbClr val="000000"/>
                </a:solidFill>
                <a:latin typeface="Courier New" panose="02070309020205020404" pitchFamily="49" charset="0"/>
                <a:ea typeface="ＭＳ Ｐゴシック" pitchFamily="-80" charset="-128"/>
                <a:cs typeface="+mn-cs"/>
              </a:rPr>
              <a:t>turbine.omega_t</a:t>
            </a:r>
            <a:r>
              <a:rPr lang="en-GB" sz="1600" kern="1200" dirty="0">
                <a:solidFill>
                  <a:srgbClr val="000000"/>
                </a:solidFill>
                <a:latin typeface="Courier New" panose="02070309020205020404" pitchFamily="49" charset="0"/>
                <a:ea typeface="ＭＳ Ｐゴシック" pitchFamily="-80" charset="-128"/>
                <a:cs typeface="+mn-cs"/>
              </a:rPr>
              <a:t> </a:t>
            </a:r>
            <a:r>
              <a:rPr lang="en-GB" dirty="0"/>
              <a:t>in rad/s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273E2D3-6A31-479B-9DBD-E2F8B33D2B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ktangel 15">
                <a:extLst>
                  <a:ext uri="{FF2B5EF4-FFF2-40B4-BE49-F238E27FC236}">
                    <a16:creationId xmlns:a16="http://schemas.microsoft.com/office/drawing/2014/main" id="{04EE7821-3FD9-4046-AD03-97243C278EE3}"/>
                  </a:ext>
                </a:extLst>
              </p:cNvPr>
              <p:cNvSpPr/>
              <p:nvPr/>
            </p:nvSpPr>
            <p:spPr bwMode="auto">
              <a:xfrm>
                <a:off x="731497" y="3645024"/>
                <a:ext cx="10656388" cy="2291109"/>
              </a:xfrm>
              <a:prstGeom prst="rect">
                <a:avLst/>
              </a:prstGeom>
              <a:ln>
                <a:headEnd type="none" w="med" len="med"/>
                <a:tailEnd type="none" w="med" len="med"/>
              </a:ln>
            </p:spPr>
            <p:style>
              <a:lnRef idx="3">
                <a:schemeClr val="lt1"/>
              </a:lnRef>
              <a:fillRef idx="1">
                <a:schemeClr val="accent1"/>
              </a:fillRef>
              <a:effectRef idx="1">
                <a:schemeClr val="accent1"/>
              </a:effectRef>
              <a:fontRef idx="minor">
                <a:schemeClr val="lt1"/>
              </a:fontRef>
            </p:style>
            <p:txBody>
              <a:bodyPr vert="horz" wrap="square" lIns="144000" tIns="144000" rIns="144000" bIns="108000" numCol="1" rtlCol="0" anchor="t" anchorCtr="0" compatLnSpc="1">
                <a:prstTxWarp prst="textNoShape">
                  <a:avLst/>
                </a:prstTxWarp>
                <a:spAutoFit/>
              </a:bodyPr>
              <a:lstStyle/>
              <a:p>
                <a:pPr>
                  <a:spcBef>
                    <a:spcPts val="1800"/>
                  </a:spcBef>
                </a:pP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xercise: Calculate th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𝑷</m:t>
                            </m:r>
                          </m:sub>
                        </m:sSub>
                      </m:e>
                      <m:sub>
                        <m:r>
                          <a:rPr lang="en-GB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2000" b="1" i="1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GB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𝑰</m:t>
                            </m:r>
                          </m:sub>
                        </m:sSub>
                      </m:e>
                      <m:sub>
                        <m:r>
                          <a:rPr lang="en-GB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endParaRPr kumimoji="0" lang="en-GB" sz="20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Open Part_4.m</a:t>
                </a:r>
                <a:endParaRPr kumimoji="0" lang="en-GB" sz="18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Calculate th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𝑷</m:t>
                            </m:r>
                          </m:sub>
                        </m:sSub>
                      </m:e>
                      <m:sub>
                        <m:r>
                          <a:rPr lang="en-GB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1800" b="1" i="1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𝑰</m:t>
                            </m:r>
                          </m:sub>
                        </m:sSub>
                      </m:e>
                      <m:sub>
                        <m:r>
                          <a:rPr lang="en-GB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assuming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GB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05</m:t>
                    </m:r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×2</m:t>
                    </m:r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𝜋</m:t>
                    </m:r>
                    <m:r>
                      <a:rPr lang="en-GB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sSub>
                          <m:sSubPr>
                            <m:ctrlP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GB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GB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7</m:t>
                    </m:r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GB" sz="180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sSub>
                      <m:sSubPr>
                        <m:ctrlPr>
                          <a:rPr lang="en-GB" sz="18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GB" sz="1800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GB" sz="1800" i="1">
                                <a:latin typeface="Cambria Math" panose="02040503050406030204" pitchFamily="18" charset="0"/>
                              </a:rPr>
                              <m:t>​</m:t>
                            </m:r>
                          </m:e>
                        </m:d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𝑜𝑝</m:t>
                        </m:r>
                      </m:sub>
                    </m:sSub>
                  </m:oMath>
                </a14:m>
                <a:r>
                  <a:rPr lang="en-GB" sz="1800" dirty="0"/>
                  <a:t> = 0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Calculate another set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𝑷</m:t>
                            </m:r>
                          </m:sub>
                        </m:sSub>
                      </m:e>
                      <m:sub>
                        <m:r>
                          <a:rPr lang="en-GB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1800" b="1" i="1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GB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𝑰</m:t>
                            </m:r>
                          </m:sub>
                        </m:sSub>
                      </m:e>
                      <m:sub>
                        <m:r>
                          <a:rPr lang="en-GB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assuming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GB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GB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</m:t>
                    </m:r>
                    <m:r>
                      <a:rPr lang="en-GB" sz="1800" b="1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𝟎</m:t>
                    </m:r>
                    <m:r>
                      <a:rPr lang="en-GB" sz="1800" b="1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.</m:t>
                    </m:r>
                    <m:r>
                      <a:rPr lang="en-GB" sz="1800" b="1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𝟐</m:t>
                    </m:r>
                    <m:r>
                      <a:rPr lang="en-GB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×2</m:t>
                    </m:r>
                    <m:r>
                      <a:rPr lang="en-GB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𝜋</m:t>
                    </m:r>
                    <m:r>
                      <a:rPr lang="en-GB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sSub>
                          <m:sSubPr>
                            <m:ctrlP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GB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GB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7</m:t>
                    </m:r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GB" sz="180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sSub>
                      <m:sSubPr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GB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</a:rPr>
                              <m:t>​</m:t>
                            </m:r>
                          </m:e>
                        </m:d>
                      </m:e>
                      <m:sub>
                        <m: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𝑜𝑝</m:t>
                        </m:r>
                      </m:sub>
                    </m:sSub>
                  </m:oMath>
                </a14:m>
                <a:r>
                  <a:rPr lang="en-GB" sz="1800" dirty="0">
                    <a:solidFill>
                      <a:schemeClr val="bg1"/>
                    </a:solidFill>
                  </a:rPr>
                  <a:t> </a:t>
                </a:r>
                <a:r>
                  <a:rPr lang="en-GB" sz="1800" dirty="0"/>
                  <a:t>= 0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What do you see? </a:t>
                </a:r>
              </a:p>
            </p:txBody>
          </p:sp>
        </mc:Choice>
        <mc:Fallback xmlns="">
          <p:sp>
            <p:nvSpPr>
              <p:cNvPr id="5" name="Rektangel 15">
                <a:extLst>
                  <a:ext uri="{FF2B5EF4-FFF2-40B4-BE49-F238E27FC236}">
                    <a16:creationId xmlns:a16="http://schemas.microsoft.com/office/drawing/2014/main" id="{04EE7821-3FD9-4046-AD03-97243C278EE3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731497" y="3645024"/>
                <a:ext cx="10656388" cy="2291109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69076D33-36A6-4509-8EFC-68B6CA9D7104}"/>
                  </a:ext>
                </a:extLst>
              </p:cNvPr>
              <p:cNvSpPr txBox="1"/>
              <p:nvPr/>
            </p:nvSpPr>
            <p:spPr>
              <a:xfrm>
                <a:off x="8067269" y="470904"/>
                <a:ext cx="3637599" cy="8507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  <m: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sub>
                          </m:sSub>
                        </m:e>
                        <m: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𝜂</m:t>
                      </m:r>
                      <m:d>
                        <m:d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  <m:d>
                            <m:d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GB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GB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f>
                            <m:f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zh-TW" altLang="en-GB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zh-TW" altLang="en-GB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GB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sSub>
                            <m:sSub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GB" i="1">
                                      <a:latin typeface="Cambria Math" panose="02040503050406030204" pitchFamily="18" charset="0"/>
                                    </a:rPr>
                                    <m:t>​</m:t>
                                  </m:r>
                                </m:e>
                              </m:d>
                            </m:e>
                            <m:sub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𝑜𝑝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endParaRPr lang="en-GB" b="0" dirty="0">
                  <a:latin typeface="+mn-lt"/>
                </a:endParaRPr>
              </a:p>
              <a:p>
                <a:pPr>
                  <a:spcBef>
                    <a:spcPts val="432"/>
                  </a:spcBef>
                </a:pPr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69076D33-36A6-4509-8EFC-68B6CA9D710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067269" y="470904"/>
                <a:ext cx="3637599" cy="850746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8" name="Picture 7">
            <a:extLst>
              <a:ext uri="{FF2B5EF4-FFF2-40B4-BE49-F238E27FC236}">
                <a16:creationId xmlns:a16="http://schemas.microsoft.com/office/drawing/2014/main" id="{708778D8-2049-4852-8112-9C638CE29C09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52944"/>
          <a:stretch/>
        </p:blipFill>
        <p:spPr>
          <a:xfrm>
            <a:off x="8067269" y="1173905"/>
            <a:ext cx="2844993" cy="372684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5D790EC1-AA6D-4704-B5D1-0CF87380C77D}"/>
              </a:ext>
            </a:extLst>
          </p:cNvPr>
          <p:cNvSpPr/>
          <p:nvPr/>
        </p:nvSpPr>
        <p:spPr>
          <a:xfrm>
            <a:off x="8049972" y="2905477"/>
            <a:ext cx="2653290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 err="1">
                <a:solidFill>
                  <a:srgbClr val="000000"/>
                </a:solidFill>
                <a:latin typeface="Courier New" panose="02070309020205020404" pitchFamily="49" charset="0"/>
              </a:rPr>
              <a:t>turbine.neff</a:t>
            </a:r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 = 0.94;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4040633B-945C-432E-ADC9-505D19531B17}"/>
              </a:ext>
            </a:extLst>
          </p:cNvPr>
          <p:cNvSpPr/>
          <p:nvPr/>
        </p:nvSpPr>
        <p:spPr>
          <a:xfrm>
            <a:off x="8064128" y="2504484"/>
            <a:ext cx="3640740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 err="1">
                <a:solidFill>
                  <a:srgbClr val="000000"/>
                </a:solidFill>
                <a:latin typeface="Courier New" panose="02070309020205020404" pitchFamily="49" charset="0"/>
              </a:rPr>
              <a:t>turbine.J</a:t>
            </a:r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= 0.1570966689E+09;</a:t>
            </a:r>
          </a:p>
        </p:txBody>
      </p:sp>
    </p:spTree>
    <p:extLst>
      <p:ext uri="{BB962C8B-B14F-4D97-AF65-F5344CB8AC3E}">
        <p14:creationId xmlns:p14="http://schemas.microsoft.com/office/powerpoint/2010/main" val="177002537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250E614-E1A7-46B1-A1A9-5F4A1120C1C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: Answ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FD82632-94F2-4E58-984E-B9BF08D8300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41F3468-8625-44D1-8DC6-5E7B521BA2B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4D19A66-53FB-4CE4-AD1C-9DE1714B29F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62758" y="3363711"/>
            <a:ext cx="3603104" cy="2702328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95122939-3E0C-4E48-83E7-C8C425EC731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5205" y="3429000"/>
            <a:ext cx="3819525" cy="2571750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94053725-517D-4780-B068-CCCCB277A1DD}"/>
              </a:ext>
            </a:extLst>
          </p:cNvPr>
          <p:cNvSpPr/>
          <p:nvPr/>
        </p:nvSpPr>
        <p:spPr>
          <a:xfrm>
            <a:off x="1127225" y="2221005"/>
            <a:ext cx="4588347" cy="707886"/>
          </a:xfrm>
          <a:prstGeom prst="rect">
            <a:avLst/>
          </a:prstGeom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>
            <a:spAutoFit/>
          </a:bodyPr>
          <a:lstStyle/>
          <a:p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controller.Kp25 = 6.4949e7  ;</a:t>
            </a:r>
          </a:p>
          <a:p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controller.Ki25 = 1.4575e7;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B540393-6DE2-48E4-AB2A-1287ACD5F448}"/>
              </a:ext>
            </a:extLst>
          </p:cNvPr>
          <p:cNvSpPr/>
          <p:nvPr/>
        </p:nvSpPr>
        <p:spPr>
          <a:xfrm>
            <a:off x="6599262" y="2221005"/>
            <a:ext cx="3960440" cy="707886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>
            <a:spAutoFit/>
          </a:bodyPr>
          <a:lstStyle/>
          <a:p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controller.Kp25 = 2.598e8  ;</a:t>
            </a:r>
          </a:p>
          <a:p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controller.Ki25 = 2.33e8; </a:t>
            </a:r>
          </a:p>
        </p:txBody>
      </p:sp>
    </p:spTree>
    <p:extLst>
      <p:ext uri="{BB962C8B-B14F-4D97-AF65-F5344CB8AC3E}">
        <p14:creationId xmlns:p14="http://schemas.microsoft.com/office/powerpoint/2010/main" val="237444974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03312" y="346589"/>
            <a:ext cx="9312374" cy="562131"/>
          </a:xfrm>
        </p:spPr>
        <p:txBody>
          <a:bodyPr/>
          <a:lstStyle/>
          <a:p>
            <a:r>
              <a:rPr lang="en-GB" dirty="0"/>
              <a:t>Tower frequency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22" name="Pladsholder til indhold 2"/>
          <p:cNvSpPr>
            <a:spLocks noGrp="1"/>
          </p:cNvSpPr>
          <p:nvPr>
            <p:ph idx="1"/>
          </p:nvPr>
        </p:nvSpPr>
        <p:spPr>
          <a:xfrm>
            <a:off x="1126654" y="1412776"/>
            <a:ext cx="9793088" cy="4795402"/>
          </a:xfrm>
        </p:spPr>
        <p:txBody>
          <a:bodyPr/>
          <a:lstStyle/>
          <a:p>
            <a:pPr marL="0" indent="0">
              <a:buNone/>
            </a:pPr>
            <a:r>
              <a:rPr lang="en-GB" dirty="0"/>
              <a:t>How can the tower frequency affect the system? </a:t>
            </a:r>
          </a:p>
        </p:txBody>
      </p:sp>
      <p:sp>
        <p:nvSpPr>
          <p:cNvPr id="26" name="Afrundet rektangel 7"/>
          <p:cNvSpPr/>
          <p:nvPr/>
        </p:nvSpPr>
        <p:spPr bwMode="auto">
          <a:xfrm>
            <a:off x="4042185" y="2636912"/>
            <a:ext cx="1440160" cy="504000"/>
          </a:xfrm>
          <a:prstGeom prst="roundRect">
            <a:avLst/>
          </a:prstGeom>
          <a:solidFill>
            <a:schemeClr val="accent6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rPr>
              <a:t>Tower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27" name="Afrundet rektangel 8"/>
          <p:cNvSpPr/>
          <p:nvPr/>
        </p:nvSpPr>
        <p:spPr bwMode="auto">
          <a:xfrm>
            <a:off x="4042185" y="3933056"/>
            <a:ext cx="1440160" cy="504000"/>
          </a:xfrm>
          <a:prstGeom prst="roundRect">
            <a:avLst/>
          </a:prstGeom>
          <a:solidFill>
            <a:schemeClr val="accent6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rPr>
              <a:t>Rotor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28" name="Afrundet rektangel 9"/>
          <p:cNvSpPr/>
          <p:nvPr/>
        </p:nvSpPr>
        <p:spPr bwMode="auto">
          <a:xfrm>
            <a:off x="4042185" y="5373216"/>
            <a:ext cx="1440160" cy="504000"/>
          </a:xfrm>
          <a:prstGeom prst="roundRect">
            <a:avLst/>
          </a:prstGeom>
          <a:solidFill>
            <a:schemeClr val="accent6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1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rPr>
              <a:t>Controller</a:t>
            </a:r>
            <a:endParaRPr kumimoji="0" lang="en-GB" sz="1600" b="1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cxnSp>
        <p:nvCxnSpPr>
          <p:cNvPr id="29" name="Lige pilforbindelse 10"/>
          <p:cNvCxnSpPr>
            <a:stCxn id="27" idx="0"/>
            <a:endCxn id="26" idx="2"/>
          </p:cNvCxnSpPr>
          <p:nvPr/>
        </p:nvCxnSpPr>
        <p:spPr bwMode="auto">
          <a:xfrm flipV="1">
            <a:off x="4762265" y="3140912"/>
            <a:ext cx="0" cy="792144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Lige pilforbindelse 12"/>
          <p:cNvCxnSpPr>
            <a:stCxn id="28" idx="0"/>
            <a:endCxn id="27" idx="2"/>
          </p:cNvCxnSpPr>
          <p:nvPr/>
        </p:nvCxnSpPr>
        <p:spPr bwMode="auto">
          <a:xfrm flipV="1">
            <a:off x="4762265" y="4437056"/>
            <a:ext cx="0" cy="936160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1" name="Ellipse 14"/>
          <p:cNvSpPr/>
          <p:nvPr/>
        </p:nvSpPr>
        <p:spPr bwMode="auto">
          <a:xfrm>
            <a:off x="2576873" y="4005056"/>
            <a:ext cx="360000" cy="36000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cxnSp>
        <p:nvCxnSpPr>
          <p:cNvPr id="32" name="Lige pilforbindelse 16"/>
          <p:cNvCxnSpPr>
            <a:stCxn id="31" idx="6"/>
            <a:endCxn id="27" idx="1"/>
          </p:cNvCxnSpPr>
          <p:nvPr/>
        </p:nvCxnSpPr>
        <p:spPr bwMode="auto">
          <a:xfrm>
            <a:off x="2936873" y="4185056"/>
            <a:ext cx="1105312" cy="0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Vinklet forbindelse 19"/>
          <p:cNvCxnSpPr>
            <a:stCxn id="26" idx="1"/>
            <a:endCxn id="31" idx="0"/>
          </p:cNvCxnSpPr>
          <p:nvPr/>
        </p:nvCxnSpPr>
        <p:spPr bwMode="auto">
          <a:xfrm rot="10800000" flipV="1">
            <a:off x="2756873" y="2888912"/>
            <a:ext cx="1285312" cy="1116144"/>
          </a:xfrm>
          <a:prstGeom prst="bentConnector2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4" name="Vinklet forbindelse 21"/>
          <p:cNvCxnSpPr>
            <a:stCxn id="27" idx="3"/>
            <a:endCxn id="28" idx="3"/>
          </p:cNvCxnSpPr>
          <p:nvPr/>
        </p:nvCxnSpPr>
        <p:spPr bwMode="auto">
          <a:xfrm>
            <a:off x="5482345" y="4185056"/>
            <a:ext cx="12700" cy="1440160"/>
          </a:xfrm>
          <a:prstGeom prst="bentConnector3">
            <a:avLst>
              <a:gd name="adj1" fmla="val 1800000"/>
            </a:avLst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Lige pilforbindelse 26"/>
          <p:cNvCxnSpPr>
            <a:endCxn id="31" idx="2"/>
          </p:cNvCxnSpPr>
          <p:nvPr/>
        </p:nvCxnSpPr>
        <p:spPr bwMode="auto">
          <a:xfrm>
            <a:off x="1784785" y="4185056"/>
            <a:ext cx="792088" cy="0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6" name="Tekstboks 28"/>
          <p:cNvSpPr txBox="1"/>
          <p:nvPr/>
        </p:nvSpPr>
        <p:spPr>
          <a:xfrm>
            <a:off x="1696199" y="3050376"/>
            <a:ext cx="1008112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en-GB" sz="1400" b="1"/>
              <a:t>Tower fore-aft velocity</a:t>
            </a:r>
            <a:endParaRPr lang="en-GB" sz="1400" b="1" dirty="0"/>
          </a:p>
        </p:txBody>
      </p:sp>
      <p:sp>
        <p:nvSpPr>
          <p:cNvPr id="37" name="Tekstboks 30"/>
          <p:cNvSpPr txBox="1"/>
          <p:nvPr/>
        </p:nvSpPr>
        <p:spPr>
          <a:xfrm>
            <a:off x="4774965" y="3481263"/>
            <a:ext cx="100811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/>
              <a:t>Thrust</a:t>
            </a:r>
            <a:endParaRPr lang="en-GB" sz="1400" b="1" dirty="0"/>
          </a:p>
        </p:txBody>
      </p:sp>
      <p:sp>
        <p:nvSpPr>
          <p:cNvPr id="38" name="Tekstboks 31"/>
          <p:cNvSpPr txBox="1"/>
          <p:nvPr/>
        </p:nvSpPr>
        <p:spPr>
          <a:xfrm>
            <a:off x="3003986" y="3573016"/>
            <a:ext cx="1008112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" b="1"/>
              <a:t>Relative wind</a:t>
            </a:r>
            <a:endParaRPr lang="en-GB" sz="1400" b="1" dirty="0"/>
          </a:p>
        </p:txBody>
      </p:sp>
      <p:sp>
        <p:nvSpPr>
          <p:cNvPr id="39" name="Tekstboks 32"/>
          <p:cNvSpPr txBox="1"/>
          <p:nvPr/>
        </p:nvSpPr>
        <p:spPr>
          <a:xfrm>
            <a:off x="838622" y="4027087"/>
            <a:ext cx="100811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en-GB" sz="1400" b="1"/>
              <a:t>Wind</a:t>
            </a:r>
            <a:endParaRPr lang="en-GB" sz="1400" b="1" dirty="0"/>
          </a:p>
        </p:txBody>
      </p:sp>
      <p:sp>
        <p:nvSpPr>
          <p:cNvPr id="40" name="Tekstboks 33"/>
          <p:cNvSpPr txBox="1"/>
          <p:nvPr/>
        </p:nvSpPr>
        <p:spPr>
          <a:xfrm>
            <a:off x="5720141" y="4643526"/>
            <a:ext cx="1008112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/>
              <a:t>Omega, Power</a:t>
            </a:r>
            <a:endParaRPr lang="en-GB" sz="1400" b="1" dirty="0"/>
          </a:p>
        </p:txBody>
      </p:sp>
      <p:sp>
        <p:nvSpPr>
          <p:cNvPr id="41" name="Tekstboks 34"/>
          <p:cNvSpPr txBox="1"/>
          <p:nvPr/>
        </p:nvSpPr>
        <p:spPr>
          <a:xfrm>
            <a:off x="3775925" y="4725144"/>
            <a:ext cx="1008112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en-GB" sz="1400" b="1"/>
              <a:t>Pitch, Qg</a:t>
            </a:r>
            <a:endParaRPr lang="en-GB" sz="1400" b="1" dirty="0"/>
          </a:p>
        </p:txBody>
      </p:sp>
      <p:cxnSp>
        <p:nvCxnSpPr>
          <p:cNvPr id="46" name="Vinklet forbindelse 21"/>
          <p:cNvCxnSpPr>
            <a:stCxn id="26" idx="3"/>
          </p:cNvCxnSpPr>
          <p:nvPr/>
        </p:nvCxnSpPr>
        <p:spPr bwMode="auto">
          <a:xfrm flipH="1">
            <a:off x="5401723" y="2888912"/>
            <a:ext cx="80622" cy="2484304"/>
          </a:xfrm>
          <a:prstGeom prst="bentConnector4">
            <a:avLst>
              <a:gd name="adj1" fmla="val -1925746"/>
              <a:gd name="adj2" fmla="val 66574"/>
            </a:avLst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7" name="Tekstboks 33"/>
          <p:cNvSpPr txBox="1"/>
          <p:nvPr/>
        </p:nvSpPr>
        <p:spPr>
          <a:xfrm>
            <a:off x="5548135" y="2280997"/>
            <a:ext cx="170414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Tower </a:t>
            </a:r>
            <a:r>
              <a:rPr lang="en-GB" sz="1400" b="1"/>
              <a:t>fore-aft acceleration</a:t>
            </a:r>
            <a:endParaRPr lang="en-GB" sz="1400" b="1" dirty="0"/>
          </a:p>
        </p:txBody>
      </p:sp>
    </p:spTree>
    <p:extLst>
      <p:ext uri="{BB962C8B-B14F-4D97-AF65-F5344CB8AC3E}">
        <p14:creationId xmlns:p14="http://schemas.microsoft.com/office/powerpoint/2010/main" val="176274378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el 1"/>
          <p:cNvSpPr>
            <a:spLocks noGrp="1"/>
          </p:cNvSpPr>
          <p:nvPr>
            <p:ph type="title"/>
          </p:nvPr>
        </p:nvSpPr>
        <p:spPr>
          <a:xfrm>
            <a:off x="813725" y="188640"/>
            <a:ext cx="10563358" cy="742936"/>
          </a:xfrm>
        </p:spPr>
        <p:txBody>
          <a:bodyPr/>
          <a:lstStyle/>
          <a:p>
            <a:r>
              <a:rPr lang="en-GB" dirty="0"/>
              <a:t>Region 2.5: Summary</a:t>
            </a:r>
          </a:p>
        </p:txBody>
      </p:sp>
      <p:sp>
        <p:nvSpPr>
          <p:cNvPr id="17" name="Tekstboks 3"/>
          <p:cNvSpPr txBox="1"/>
          <p:nvPr/>
        </p:nvSpPr>
        <p:spPr>
          <a:xfrm>
            <a:off x="1193518" y="1915955"/>
            <a:ext cx="4896742" cy="1941658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2"/>
          </a:fillRef>
          <a:effectRef idx="1">
            <a:schemeClr val="accent2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en-GB" sz="2800" dirty="0">
                <a:latin typeface="Arial Rounded MT Bold" panose="020F0704030504030204" pitchFamily="34" charset="0"/>
              </a:rPr>
              <a:t>Generator speed is regulated using a PI controller on the generator torque (</a:t>
            </a:r>
            <a:r>
              <a:rPr lang="en-GB" sz="2800" dirty="0" err="1">
                <a:latin typeface="Arial Rounded MT Bold" panose="020F0704030504030204" pitchFamily="34" charset="0"/>
              </a:rPr>
              <a:t>Kpg</a:t>
            </a:r>
            <a:r>
              <a:rPr lang="en-GB" sz="2800" dirty="0">
                <a:latin typeface="Arial Rounded MT Bold" panose="020F0704030504030204" pitchFamily="34" charset="0"/>
              </a:rPr>
              <a:t>, </a:t>
            </a:r>
            <a:r>
              <a:rPr lang="en-GB" sz="2800" dirty="0" err="1">
                <a:latin typeface="Arial Rounded MT Bold" panose="020F0704030504030204" pitchFamily="34" charset="0"/>
              </a:rPr>
              <a:t>Kig</a:t>
            </a:r>
            <a:r>
              <a:rPr lang="en-GB" sz="2800" dirty="0">
                <a:latin typeface="Arial Rounded MT Bold" panose="020F0704030504030204" pitchFamily="34" charset="0"/>
              </a:rPr>
              <a:t>)</a:t>
            </a:r>
            <a:endParaRPr lang="en-GB" sz="2800" baseline="30000" dirty="0">
              <a:latin typeface="Arial Rounded MT Bold" panose="020F0704030504030204" pitchFamily="34" charset="0"/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4A84912-2F3D-40C0-9FFE-E206735E7D4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54790" y="2060848"/>
            <a:ext cx="4690883" cy="35935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306591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870897" y="332656"/>
            <a:ext cx="10075769" cy="526912"/>
          </a:xfrm>
        </p:spPr>
        <p:txBody>
          <a:bodyPr/>
          <a:lstStyle/>
          <a:p>
            <a:r>
              <a:rPr lang="en-GB" dirty="0"/>
              <a:t>Region 3: Power and speed regulation </a:t>
            </a:r>
          </a:p>
        </p:txBody>
      </p:sp>
      <p:pic>
        <p:nvPicPr>
          <p:cNvPr id="6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926854" y="2420888"/>
            <a:ext cx="4819192" cy="31578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7" name="Rektangel 4"/>
          <p:cNvSpPr/>
          <p:nvPr/>
        </p:nvSpPr>
        <p:spPr bwMode="auto">
          <a:xfrm>
            <a:off x="882311" y="1025296"/>
            <a:ext cx="9556350" cy="722944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08000" tIns="36000" rIns="108000" bIns="36000" numCol="1" rtlCol="0" anchor="t" anchorCtr="0" compatLnSpc="1">
            <a:prstTxWarp prst="textNoShape">
              <a:avLst/>
            </a:prstTxWarp>
          </a:bodyPr>
          <a:lstStyle/>
          <a:p>
            <a:pPr marL="1252538" indent="-1252538">
              <a:tabLst>
                <a:tab pos="1252538" algn="l"/>
              </a:tabLst>
            </a:pPr>
            <a:r>
              <a:rPr lang="en-GB" sz="1800" dirty="0">
                <a:latin typeface="Arial Rounded MT Bold" panose="020F0704030504030204" pitchFamily="34" charset="0"/>
              </a:rPr>
              <a:t>Strategy:	Regulate rotor speed by pitching and use generator torque to regulate power (either as constant power, or constant torque)</a:t>
            </a:r>
          </a:p>
        </p:txBody>
      </p:sp>
    </p:spTree>
    <p:extLst>
      <p:ext uri="{BB962C8B-B14F-4D97-AF65-F5344CB8AC3E}">
        <p14:creationId xmlns:p14="http://schemas.microsoft.com/office/powerpoint/2010/main" val="38576891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90550" y="2132856"/>
            <a:ext cx="11738634" cy="2706458"/>
          </a:xfrm>
        </p:spPr>
        <p:txBody>
          <a:bodyPr/>
          <a:lstStyle/>
          <a:p>
            <a:r>
              <a:rPr lang="en-GB" sz="6600" dirty="0"/>
              <a:t>Controller design and tuning: Region 2.5 and 3</a:t>
            </a:r>
            <a:r>
              <a:rPr lang="en-GB" sz="6600" b="0" dirty="0"/>
              <a:t>	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1228" y="332656"/>
            <a:ext cx="10840028" cy="1660654"/>
          </a:xfrm>
        </p:spPr>
        <p:txBody>
          <a:bodyPr/>
          <a:lstStyle/>
          <a:p>
            <a:r>
              <a:rPr lang="en-GB" dirty="0"/>
              <a:t>Wind Turbine Control Online Course 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8" name="Rectangle 7"/>
          <p:cNvSpPr/>
          <p:nvPr/>
        </p:nvSpPr>
        <p:spPr>
          <a:xfrm>
            <a:off x="261228" y="4581128"/>
            <a:ext cx="6046290" cy="181588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Alan Wai Hou Lio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Researcher, DTU Wind Energy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  <a:hlinkClick r:id="rId4"/>
              </a:rPr>
              <a:t>wali@dtu.dk</a:t>
            </a: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766614" y="369388"/>
            <a:ext cx="10563358" cy="505491"/>
          </a:xfrm>
        </p:spPr>
        <p:txBody>
          <a:bodyPr/>
          <a:lstStyle/>
          <a:p>
            <a:r>
              <a:rPr lang="en-GB" dirty="0"/>
              <a:t>Region 3: Power and speed regulation </a:t>
            </a:r>
          </a:p>
        </p:txBody>
      </p:sp>
      <p:sp>
        <p:nvSpPr>
          <p:cNvPr id="6" name="Pladsholder til indhold 2"/>
          <p:cNvSpPr>
            <a:spLocks noGrp="1"/>
          </p:cNvSpPr>
          <p:nvPr>
            <p:ph idx="1"/>
          </p:nvPr>
        </p:nvSpPr>
        <p:spPr>
          <a:xfrm>
            <a:off x="622300" y="1449388"/>
            <a:ext cx="11017250" cy="4795402"/>
          </a:xfrm>
        </p:spPr>
        <p:txBody>
          <a:bodyPr/>
          <a:lstStyle/>
          <a:p>
            <a:pPr marL="0" indent="0">
              <a:buNone/>
            </a:pPr>
            <a:r>
              <a:rPr lang="en-GB" dirty="0"/>
              <a:t>Nonlinear equation of drivetrain motion 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r>
              <a:rPr lang="en-GB" dirty="0"/>
              <a:t>Generator model 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r>
              <a:rPr lang="en-GB" dirty="0"/>
              <a:t>PI feedback from speed error to pitch angle</a:t>
            </a:r>
          </a:p>
        </p:txBody>
      </p:sp>
      <p:pic>
        <p:nvPicPr>
          <p:cNvPr id="7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80630" y="2025644"/>
            <a:ext cx="4635429" cy="432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Picture 3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80630" y="3143498"/>
            <a:ext cx="7029153" cy="1080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grpSp>
        <p:nvGrpSpPr>
          <p:cNvPr id="14" name="Gruppe 11"/>
          <p:cNvGrpSpPr/>
          <p:nvPr/>
        </p:nvGrpSpPr>
        <p:grpSpPr>
          <a:xfrm>
            <a:off x="2494806" y="4732790"/>
            <a:ext cx="5738706" cy="1512000"/>
            <a:chOff x="2319055" y="5229368"/>
            <a:chExt cx="5738706" cy="1512000"/>
          </a:xfrm>
        </p:grpSpPr>
        <p:pic>
          <p:nvPicPr>
            <p:cNvPr id="15" name="Picture 4"/>
            <p:cNvPicPr>
              <a:picLocks noChangeAspect="1" noChangeArrowheads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2566814" y="5229368"/>
              <a:ext cx="5490947" cy="1512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6" name="Tekstboks 9"/>
            <p:cNvSpPr txBox="1"/>
            <p:nvPr/>
          </p:nvSpPr>
          <p:spPr>
            <a:xfrm>
              <a:off x="2319055" y="5377849"/>
              <a:ext cx="372218" cy="46166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2400" dirty="0">
                  <a:sym typeface="Symbol"/>
                </a:rPr>
                <a:t></a:t>
              </a:r>
              <a:endParaRPr lang="en-US" sz="2400" dirty="0"/>
            </a:p>
          </p:txBody>
        </p:sp>
      </p:grp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E3275FD2-B269-45B5-A900-45280A8107D2}"/>
              </a:ext>
            </a:extLst>
          </p:cNvPr>
          <p:cNvCxnSpPr/>
          <p:nvPr/>
        </p:nvCxnSpPr>
        <p:spPr bwMode="auto">
          <a:xfrm>
            <a:off x="6815286" y="3501008"/>
            <a:ext cx="1872208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534E12D-F732-4479-8813-34A671B87932}"/>
              </a:ext>
            </a:extLst>
          </p:cNvPr>
          <p:cNvCxnSpPr/>
          <p:nvPr/>
        </p:nvCxnSpPr>
        <p:spPr bwMode="auto">
          <a:xfrm>
            <a:off x="6815286" y="4265026"/>
            <a:ext cx="1872208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05086932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792919" y="477084"/>
            <a:ext cx="10563358" cy="454904"/>
          </a:xfrm>
        </p:spPr>
        <p:txBody>
          <a:bodyPr/>
          <a:lstStyle/>
          <a:p>
            <a:r>
              <a:rPr lang="en-GB" dirty="0"/>
              <a:t>Region 3: Power and speed regulation 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Pladsholder til indhold 2"/>
              <p:cNvSpPr>
                <a:spLocks noGrp="1"/>
              </p:cNvSpPr>
              <p:nvPr>
                <p:ph idx="1"/>
              </p:nvPr>
            </p:nvSpPr>
            <p:spPr>
              <a:xfrm>
                <a:off x="586581" y="1198614"/>
                <a:ext cx="11017250" cy="4795402"/>
              </a:xfrm>
            </p:spPr>
            <p:txBody>
              <a:bodyPr/>
              <a:lstStyle/>
              <a:p>
                <a:pPr marL="0" indent="0">
                  <a:buNone/>
                </a:pPr>
                <a:r>
                  <a:rPr lang="en-GB" dirty="0"/>
                  <a:t>Nonlinear drive-train equation</a:t>
                </a:r>
              </a:p>
              <a:p>
                <a:pPr marL="0" indent="0">
                  <a:buNone/>
                </a:pPr>
                <a:endParaRPr lang="en-GB" dirty="0"/>
              </a:p>
              <a:p>
                <a:pPr marL="0" indent="0">
                  <a:buNone/>
                </a:pPr>
                <a:endParaRPr lang="en-GB" dirty="0"/>
              </a:p>
              <a:p>
                <a:pPr marL="0" indent="0">
                  <a:buNone/>
                </a:pPr>
                <a:r>
                  <a:rPr lang="en-GB" dirty="0"/>
                  <a:t>Linear closed-loop equation for small drivetrain motion about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GB">
                        <a:latin typeface="Cambria Math"/>
                      </a:rPr>
                      <m:t>Ω</m:t>
                    </m:r>
                    <m:r>
                      <a:rPr lang="en-GB" i="1">
                        <a:latin typeface="Cambria Math"/>
                      </a:rPr>
                      <m:t>=</m:t>
                    </m:r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GB">
                            <a:latin typeface="Cambria Math"/>
                          </a:rPr>
                          <m:t>Ω</m:t>
                        </m:r>
                      </m:e>
                      <m:sub>
                        <m:r>
                          <a:rPr lang="en-GB" i="1">
                            <a:latin typeface="Cambria Math"/>
                          </a:rPr>
                          <m:t>𝑟</m:t>
                        </m:r>
                      </m:sub>
                    </m:sSub>
                    <m:r>
                      <a:rPr lang="en-GB" i="1">
                        <a:latin typeface="Cambria Math"/>
                      </a:rPr>
                      <m:t>+</m:t>
                    </m:r>
                    <m:acc>
                      <m:accPr>
                        <m:chr m:val="̇"/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i="1">
                            <a:latin typeface="Cambria Math"/>
                          </a:rPr>
                          <m:t>𝜙</m:t>
                        </m:r>
                      </m:e>
                    </m:acc>
                  </m:oMath>
                </a14:m>
                <a:r>
                  <a:rPr lang="en-GB" dirty="0"/>
                  <a:t> </a:t>
                </a:r>
              </a:p>
              <a:p>
                <a:pPr marL="0" indent="0">
                  <a:buNone/>
                </a:pPr>
                <a:endParaRPr lang="en-GB" dirty="0"/>
              </a:p>
              <a:p>
                <a:pPr marL="0" indent="0">
                  <a:buNone/>
                </a:pPr>
                <a:endParaRPr lang="en-GB" dirty="0"/>
              </a:p>
              <a:p>
                <a:pPr marL="0" indent="0">
                  <a:buNone/>
                </a:pPr>
                <a:endParaRPr lang="en-GB" dirty="0"/>
              </a:p>
              <a:p>
                <a:pPr marL="0" indent="0">
                  <a:buNone/>
                </a:pPr>
                <a:endParaRPr lang="en-GB" dirty="0"/>
              </a:p>
            </p:txBody>
          </p:sp>
        </mc:Choice>
        <mc:Fallback xmlns="">
          <p:sp>
            <p:nvSpPr>
              <p:cNvPr id="6" name="Pladsholder til indhold 2"/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586581" y="1198614"/>
                <a:ext cx="11017250" cy="4795402"/>
              </a:xfrm>
              <a:blipFill>
                <a:blip r:embed="rId2"/>
                <a:stretch>
                  <a:fillRect l="-1272" t="-165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7" name="Picture 2"/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813"/>
          <a:stretch/>
        </p:blipFill>
        <p:spPr bwMode="auto">
          <a:xfrm>
            <a:off x="990486" y="2798156"/>
            <a:ext cx="7336968" cy="720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" name="Tekstboks 4"/>
          <p:cNvSpPr txBox="1"/>
          <p:nvPr/>
        </p:nvSpPr>
        <p:spPr>
          <a:xfrm>
            <a:off x="1348522" y="3492786"/>
            <a:ext cx="72327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/>
              <a:t>mass</a:t>
            </a:r>
            <a:endParaRPr lang="en-GB" dirty="0"/>
          </a:p>
        </p:txBody>
      </p:sp>
      <p:sp>
        <p:nvSpPr>
          <p:cNvPr id="9" name="Tekstboks 5"/>
          <p:cNvSpPr txBox="1"/>
          <p:nvPr/>
        </p:nvSpPr>
        <p:spPr>
          <a:xfrm>
            <a:off x="4161007" y="3492786"/>
            <a:ext cx="107914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/>
              <a:t>damping</a:t>
            </a:r>
            <a:endParaRPr lang="en-GB" dirty="0"/>
          </a:p>
        </p:txBody>
      </p:sp>
      <p:sp>
        <p:nvSpPr>
          <p:cNvPr id="10" name="Tekstboks 6"/>
          <p:cNvSpPr txBox="1"/>
          <p:nvPr/>
        </p:nvSpPr>
        <p:spPr>
          <a:xfrm>
            <a:off x="6688704" y="3492786"/>
            <a:ext cx="103906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/>
              <a:t>stiffness</a:t>
            </a:r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" name="Rektangel 11"/>
              <p:cNvSpPr/>
              <p:nvPr/>
            </p:nvSpPr>
            <p:spPr bwMode="auto">
              <a:xfrm>
                <a:off x="1020252" y="4109498"/>
                <a:ext cx="10656388" cy="1696843"/>
              </a:xfrm>
              <a:prstGeom prst="rect">
                <a:avLst/>
              </a:prstGeom>
              <a:solidFill>
                <a:schemeClr val="accent1"/>
              </a:solidFill>
              <a:ln>
                <a:headEnd type="none" w="med" len="med"/>
                <a:tailEnd type="none" w="med" len="med"/>
              </a:ln>
            </p:spPr>
            <p:style>
              <a:lnRef idx="3">
                <a:schemeClr val="lt1"/>
              </a:lnRef>
              <a:fillRef idx="1">
                <a:schemeClr val="accent5"/>
              </a:fillRef>
              <a:effectRef idx="1">
                <a:schemeClr val="accent5"/>
              </a:effectRef>
              <a:fontRef idx="minor">
                <a:schemeClr val="lt1"/>
              </a:fontRef>
            </p:style>
            <p:txBody>
              <a:bodyPr vert="horz" wrap="square" lIns="144000" tIns="144000" rIns="144000" bIns="108000" numCol="1" rtlCol="0" anchor="t" anchorCtr="0" compatLnSpc="1">
                <a:prstTxWarp prst="textNoShape">
                  <a:avLst/>
                </a:prstTxWarp>
                <a:spAutoFit/>
              </a:bodyPr>
              <a:lstStyle/>
              <a:p>
                <a:pPr>
                  <a:spcBef>
                    <a:spcPts val="1800"/>
                  </a:spcBef>
                </a:pP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xercise: Derive the linearized equation and </a:t>
                </a:r>
                <a:r>
                  <a:rPr lang="en-GB" sz="20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,Ki</a:t>
                </a:r>
                <a:endParaRPr kumimoji="0" lang="en-GB" sz="20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Apply the Taylor expansion to </a:t>
                </a:r>
                <a:r>
                  <a:rPr kumimoji="0" lang="en-GB" sz="18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Eqn</a:t>
                </a: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(1) and </a:t>
                </a:r>
                <a:r>
                  <a:rPr kumimoji="0" lang="en-GB" sz="18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and</a:t>
                </a: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derive the closed-loop </a:t>
                </a:r>
                <a:r>
                  <a:rPr kumimoji="0" lang="en-GB" sz="18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Eqn</a:t>
                </a: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(2)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altLang="zh-TW" sz="180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Write Eqn (2) in the standard form </a:t>
                </a:r>
                <a:r>
                  <a:rPr lang="en-GB" sz="180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(</a:t>
                </a:r>
                <a14:m>
                  <m:oMath xmlns:m="http://schemas.openxmlformats.org/officeDocument/2006/math">
                    <m:acc>
                      <m:accPr>
                        <m:chr m:val="̈"/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accPr>
                      <m:e>
                        <m: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𝜙</m:t>
                        </m:r>
                      </m:e>
                    </m:acc>
                    <m:r>
                      <a:rPr lang="en-GB" sz="180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+2</m:t>
                    </m:r>
                    <m:sSub>
                      <m:sSubPr>
                        <m:ctrlP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lang="en-GB" sz="180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GB" sz="180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GB" sz="180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sSub>
                      <m:sSubPr>
                        <m:ctrlP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sSub>
                          <m:sSubPr>
                            <m:ctrlPr>
                              <a:rPr lang="en-GB" sz="180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GB" sz="180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GB" sz="180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acc>
                      <m:accPr>
                        <m:chr m:val="̇"/>
                        <m:ctrlP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accPr>
                      <m:e>
                        <m: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𝜙</m:t>
                        </m:r>
                      </m:e>
                    </m:acc>
                    <m:r>
                      <a:rPr lang="en-GB" sz="180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+</m:t>
                    </m:r>
                    <m:sSubSup>
                      <m:sSubSupPr>
                        <m:ctrlP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SupPr>
                      <m:e>
                        <m: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lang="en-GB" sz="180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GB" sz="180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GB" sz="180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𝑛</m:t>
                            </m:r>
                          </m:sub>
                        </m:sSub>
                      </m:sub>
                      <m:sup>
                        <m: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2</m:t>
                        </m:r>
                      </m:sup>
                    </m:sSubSup>
                    <m:r>
                      <a:rPr lang="en-GB" sz="180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𝜙</m:t>
                    </m:r>
                    <m:r>
                      <a:rPr lang="en-GB" sz="180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</m:t>
                    </m:r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tip: assuming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GB" sz="1800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Δ</m:t>
                    </m:r>
                    <m:r>
                      <a:rPr lang="en-GB" sz="180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𝑣</m:t>
                    </m:r>
                    <m:r>
                      <a:rPr lang="en-GB" sz="180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</m:t>
                    </m:r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).</a:t>
                </a:r>
                <a:endParaRPr lang="en-GB" altLang="zh-TW" sz="1800" dirty="0">
                  <a:solidFill>
                    <a:schemeClr val="bg1"/>
                  </a:solidFill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Derive </a:t>
                </a:r>
                <a:r>
                  <a:rPr lang="en-GB" sz="18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Ki</a:t>
                </a:r>
                <a:endParaRPr kumimoji="0" lang="en-GB" sz="1800" b="0" i="0" u="none" strike="noStrike" cap="none" normalizeH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</p:txBody>
          </p:sp>
        </mc:Choice>
        <mc:Fallback xmlns="">
          <p:sp>
            <p:nvSpPr>
              <p:cNvPr id="11" name="Rektangel 11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1020252" y="4109498"/>
                <a:ext cx="10656388" cy="1696843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4" name="Picture 2">
            <a:extLst>
              <a:ext uri="{FF2B5EF4-FFF2-40B4-BE49-F238E27FC236}">
                <a16:creationId xmlns:a16="http://schemas.microsoft.com/office/drawing/2014/main" id="{9BCB3B07-C29D-4384-A38B-D6B3EEC03F7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70670" y="1685322"/>
            <a:ext cx="4635429" cy="432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033D8C38-A85C-4076-9CE3-539498A01E7C}"/>
              </a:ext>
            </a:extLst>
          </p:cNvPr>
          <p:cNvCxnSpPr/>
          <p:nvPr/>
        </p:nvCxnSpPr>
        <p:spPr bwMode="auto">
          <a:xfrm>
            <a:off x="6463962" y="1901322"/>
            <a:ext cx="279959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F6BAC570-78D1-45CF-98E0-040A9A45404F}"/>
              </a:ext>
            </a:extLst>
          </p:cNvPr>
          <p:cNvSpPr txBox="1"/>
          <p:nvPr/>
        </p:nvSpPr>
        <p:spPr>
          <a:xfrm>
            <a:off x="9569393" y="1778212"/>
            <a:ext cx="50405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(1)</a:t>
            </a:r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22108858-5FFF-4DC5-916E-5A21134D4438}"/>
              </a:ext>
            </a:extLst>
          </p:cNvPr>
          <p:cNvCxnSpPr/>
          <p:nvPr/>
        </p:nvCxnSpPr>
        <p:spPr bwMode="auto">
          <a:xfrm>
            <a:off x="9263558" y="3141016"/>
            <a:ext cx="1093963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FB50D47B-D97E-472B-9AE7-C0D0812FF9FB}"/>
              </a:ext>
            </a:extLst>
          </p:cNvPr>
          <p:cNvSpPr txBox="1"/>
          <p:nvPr/>
        </p:nvSpPr>
        <p:spPr>
          <a:xfrm>
            <a:off x="10559702" y="3017053"/>
            <a:ext cx="50405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(2)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7BF47E2-C0D2-4D7D-95B1-3841E78CE710}"/>
                  </a:ext>
                </a:extLst>
              </p:cNvPr>
              <p:cNvSpPr/>
              <p:nvPr/>
            </p:nvSpPr>
            <p:spPr>
              <a:xfrm>
                <a:off x="7687252" y="2735930"/>
                <a:ext cx="2012344" cy="676724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20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zh-TW" altLang="en-GB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2000" i="1">
                              <a:latin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zh-TW" altLang="en-GB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2000" i="1">
                              <a:latin typeface="Cambria Math" panose="02040503050406030204" pitchFamily="18" charset="0"/>
                            </a:rPr>
                            <m:t>𝑉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GB" sz="20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GB" sz="2000" i="1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sz="2000" dirty="0"/>
              </a:p>
            </p:txBody>
          </p:sp>
        </mc:Choice>
        <mc:Fallback xmlns="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7BF47E2-C0D2-4D7D-95B1-3841E78CE710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687252" y="2735930"/>
                <a:ext cx="2012344" cy="676724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1" name="TextBox 20">
            <a:extLst>
              <a:ext uri="{FF2B5EF4-FFF2-40B4-BE49-F238E27FC236}">
                <a16:creationId xmlns:a16="http://schemas.microsoft.com/office/drawing/2014/main" id="{28E06FFB-724E-4890-B56A-D3D61D4C88B1}"/>
              </a:ext>
            </a:extLst>
          </p:cNvPr>
          <p:cNvSpPr txBox="1"/>
          <p:nvPr/>
        </p:nvSpPr>
        <p:spPr>
          <a:xfrm>
            <a:off x="8433224" y="3473204"/>
            <a:ext cx="126637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External force</a:t>
            </a:r>
          </a:p>
        </p:txBody>
      </p:sp>
    </p:spTree>
    <p:extLst>
      <p:ext uri="{BB962C8B-B14F-4D97-AF65-F5344CB8AC3E}">
        <p14:creationId xmlns:p14="http://schemas.microsoft.com/office/powerpoint/2010/main" val="323711706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911B60-9642-4BB8-A1FB-CE5FF16538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3: Answ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CDB4-5774-48E2-B195-A9412A92780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See ‘derivation.pdf’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C405C84-592C-4703-B247-76A91BDA91D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F7DD0D05-FBA5-414A-B02D-674CD3CFF9DE}"/>
                  </a:ext>
                </a:extLst>
              </p:cNvPr>
              <p:cNvSpPr txBox="1"/>
              <p:nvPr/>
            </p:nvSpPr>
            <p:spPr>
              <a:xfrm>
                <a:off x="4006974" y="2652559"/>
                <a:ext cx="3744871" cy="108940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zh-TW" altLang="en-GB" i="1">
                              <a:latin typeface="Cambria Math" panose="02040503050406030204" pitchFamily="18" charset="0"/>
                            </a:rPr>
                            <m:t>𝑃</m:t>
                          </m:r>
                        </m:sub>
                      </m:sSub>
                      <m:r>
                        <a:rPr lang="en-GB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altLang="zh-TW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sSub>
                            <m:sSub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d>
                            <m:dPr>
                              <m:ctrlPr>
                                <a:rPr lang="en-GB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en-GB" altLang="zh-TW" b="0" i="1" smtClean="0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GB" altLang="zh-TW" b="0" i="0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 −</m:t>
                          </m:r>
                          <m:f>
                            <m:f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sSub>
                                        <m:sSubPr>
                                          <m:ctrlPr>
                                            <a:rPr lang="en-GB" altLang="zh-TW" b="0" i="1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zh-TW" altLang="en-GB" i="1">
                                              <a:latin typeface="Cambria Math" panose="02040503050406030204" pitchFamily="18" charset="0"/>
                                            </a:rPr>
                                            <m:t>𝑄</m:t>
                                          </m:r>
                                        </m:e>
                                        <m:sub>
                                          <m:r>
                                            <a:rPr lang="zh-TW" altLang="en-GB" b="0" i="1" smtClean="0">
                                              <a:latin typeface="Cambria Math" panose="02040503050406030204" pitchFamily="18" charset="0"/>
                                            </a:rPr>
                                            <m:t>𝑔</m:t>
                                          </m:r>
                                        </m:sub>
                                      </m:sSub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GB" altLang="zh-TW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num>
                        <m:den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𝑑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  <m:r>
                                        <a:rPr lang="zh-TW" altLang="en-GB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F7DD0D05-FBA5-414A-B02D-674CD3CFF9D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006974" y="2652559"/>
                <a:ext cx="3744871" cy="1089401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0429E835-D607-426B-9269-4D81E927F245}"/>
                  </a:ext>
                </a:extLst>
              </p:cNvPr>
              <p:cNvSpPr txBox="1"/>
              <p:nvPr/>
            </p:nvSpPr>
            <p:spPr>
              <a:xfrm>
                <a:off x="5087094" y="4205149"/>
                <a:ext cx="1758237" cy="79182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GB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Sup>
                            <m:sSubSup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  <m:sup>
                              <m: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d>
                            <m:dPr>
                              <m:ctrlPr>
                                <a:rPr lang="en-GB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0429E835-D607-426B-9269-4D81E927F24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087094" y="4205149"/>
                <a:ext cx="1758237" cy="79182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43674156-2DCE-44B8-8A27-674ABF1964E8}"/>
                  </a:ext>
                </a:extLst>
              </p:cNvPr>
              <p:cNvSpPr txBox="1">
                <a:spLocks/>
              </p:cNvSpPr>
              <p:nvPr/>
            </p:nvSpPr>
            <p:spPr bwMode="auto">
              <a:xfrm>
                <a:off x="6671270" y="5802275"/>
                <a:ext cx="4968552" cy="507045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vert="horz" wrap="square" lIns="0" tIns="0" rIns="0" bIns="0" numCol="1" anchor="t" anchorCtr="0" compatLnSpc="1">
                <a:prstTxWarp prst="textNoShape">
                  <a:avLst/>
                </a:prstTxWarp>
              </a:bodyPr>
              <a:lstStyle>
                <a:lvl1pPr marL="19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1pPr>
                <a:lvl2pPr marL="414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2pPr>
                <a:lvl3pPr marL="6156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3pPr>
                <a:lvl4pPr marL="82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4pPr>
                <a:lvl5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5pPr>
                <a:lvl6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6pPr>
                <a:lvl7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7pPr>
                <a:lvl8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8pPr>
                <a:lvl9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indent="0">
                  <a:buFontTx/>
                  <a:buNone/>
                </a:pPr>
                <a:r>
                  <a:rPr lang="en-GB" kern="0" dirty="0"/>
                  <a:t> Sometimes, we assume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GB" i="1" ker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i="1" kern="0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GB" kern="0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sSub>
                      <m:sSubPr>
                        <m:ctrlPr>
                          <a:rPr lang="en-GB" i="1" ker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GB" i="1" ker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GB" i="1" kern="0">
                                <a:latin typeface="Cambria Math" panose="02040503050406030204" pitchFamily="18" charset="0"/>
                              </a:rPr>
                              <m:t>​</m:t>
                            </m:r>
                          </m:e>
                        </m:d>
                      </m:e>
                      <m:sub>
                        <m:r>
                          <a:rPr lang="en-GB" i="1" kern="0">
                            <a:latin typeface="Cambria Math" panose="02040503050406030204" pitchFamily="18" charset="0"/>
                          </a:rPr>
                          <m:t>𝑜𝑝</m:t>
                        </m:r>
                      </m:sub>
                    </m:sSub>
                  </m:oMath>
                </a14:m>
                <a:r>
                  <a:rPr lang="en-GB" kern="0" dirty="0"/>
                  <a:t> = 0 negligible</a:t>
                </a:r>
              </a:p>
            </p:txBody>
          </p:sp>
        </mc:Choice>
        <mc:Fallback xmlns=""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43674156-2DCE-44B8-8A27-674ABF1964E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6671270" y="5802275"/>
                <a:ext cx="4968552" cy="507045"/>
              </a:xfrm>
              <a:prstGeom prst="rect">
                <a:avLst/>
              </a:prstGeom>
              <a:blipFill>
                <a:blip r:embed="rId4"/>
                <a:stretch>
                  <a:fillRect l="-1343" t="-77011" b="-10574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09097243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766614" y="332656"/>
            <a:ext cx="10563358" cy="598920"/>
          </a:xfrm>
        </p:spPr>
        <p:txBody>
          <a:bodyPr/>
          <a:lstStyle/>
          <a:p>
            <a:r>
              <a:rPr lang="en-GB" dirty="0"/>
              <a:t>Region 3: Aerodynamic gain scheduling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0AC36F5-04A6-4677-80CF-137F77D94B72}"/>
                  </a:ext>
                </a:extLst>
              </p:cNvPr>
              <p:cNvSpPr/>
              <p:nvPr/>
            </p:nvSpPr>
            <p:spPr>
              <a:xfrm>
                <a:off x="1402556" y="3109458"/>
                <a:ext cx="7895426" cy="783869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GB" sz="2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  <m:r>
                            <a:rPr lang="en-GB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  <m:sup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̈"/>
                          <m:ctrlPr>
                            <a:rPr lang="en-GB" sz="20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2000" b="0" i="1" smtClean="0">
                              <a:latin typeface="Cambria Math" panose="02040503050406030204" pitchFamily="18" charset="0"/>
                            </a:rPr>
                            <m:t>𝜙</m:t>
                          </m:r>
                        </m:e>
                      </m:acc>
                      <m:r>
                        <a:rPr lang="en-GB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d>
                        <m:dPr>
                          <m:ctrlPr>
                            <a:rPr lang="en-GB" sz="2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f>
                            <m:fPr>
                              <m:ctrlP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sSub>
                                <m:sSubPr>
                                  <m:ctrlPr>
                                    <a:rPr lang="en-GB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𝑄</m:t>
                                  </m:r>
                                </m:e>
                                <m:sub>
                                  <m:r>
                                    <a:rPr lang="en-GB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num>
                            <m:den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GB" sz="2000" b="0" i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r>
                            <a:rPr lang="en-GB" sz="20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GB" sz="2000" b="0" i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r>
                            <a:rPr lang="en-GB" sz="20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𝜃</m:t>
                              </m:r>
                            </m:den>
                          </m:f>
                          <m:sSub>
                            <m:sSubPr>
                              <m:ctrlP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  <m:sub>
                              <m:r>
                                <a:rPr lang="en-GB" sz="2000" b="0" i="1" smtClean="0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̇"/>
                          <m:ctrlPr>
                            <a:rPr lang="en-GB" sz="20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2000" b="0" i="1" smtClean="0">
                              <a:latin typeface="Cambria Math" panose="02040503050406030204" pitchFamily="18" charset="0"/>
                            </a:rPr>
                            <m:t>𝜙</m:t>
                          </m:r>
                        </m:e>
                      </m:acc>
                      <m:r>
                        <a:rPr lang="en-GB" sz="2000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2000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en-GB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𝜃</m:t>
                          </m:r>
                        </m:den>
                      </m:f>
                      <m:sSub>
                        <m:sSubPr>
                          <m:ctrlPr>
                            <a:rPr lang="en-GB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2000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GB" sz="2000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GB" sz="2000" b="0" i="1" smtClean="0">
                          <a:latin typeface="Cambria Math" panose="02040503050406030204" pitchFamily="18" charset="0"/>
                        </a:rPr>
                        <m:t>𝜙</m:t>
                      </m:r>
                      <m:r>
                        <a:rPr lang="en-GB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2000" i="1">
                              <a:latin typeface="Cambria Math" panose="02040503050406030204" pitchFamily="18" charset="0"/>
                            </a:rPr>
                            <m:t>𝑑𝑄</m:t>
                          </m:r>
                        </m:num>
                        <m:den>
                          <m:r>
                            <a:rPr lang="en-GB" sz="2000" i="1">
                              <a:latin typeface="Cambria Math" panose="02040503050406030204" pitchFamily="18" charset="0"/>
                            </a:rPr>
                            <m:t>𝑑𝑉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GB" sz="20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GB" sz="2000" i="1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sz="2000" dirty="0"/>
              </a:p>
            </p:txBody>
          </p:sp>
        </mc:Choice>
        <mc:Fallback xmlns="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0AC36F5-04A6-4677-80CF-137F77D94B7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402556" y="3109458"/>
                <a:ext cx="7895426" cy="783869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3" name="Tekstboks 4">
            <a:extLst>
              <a:ext uri="{FF2B5EF4-FFF2-40B4-BE49-F238E27FC236}">
                <a16:creationId xmlns:a16="http://schemas.microsoft.com/office/drawing/2014/main" id="{7F21954A-1565-40CE-8E63-9A4A186979DA}"/>
              </a:ext>
            </a:extLst>
          </p:cNvPr>
          <p:cNvSpPr txBox="1"/>
          <p:nvPr/>
        </p:nvSpPr>
        <p:spPr>
          <a:xfrm>
            <a:off x="2452727" y="3769668"/>
            <a:ext cx="72327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/>
              <a:t>mass</a:t>
            </a:r>
            <a:endParaRPr lang="en-GB" dirty="0"/>
          </a:p>
        </p:txBody>
      </p:sp>
      <p:sp>
        <p:nvSpPr>
          <p:cNvPr id="24" name="Tekstboks 5">
            <a:extLst>
              <a:ext uri="{FF2B5EF4-FFF2-40B4-BE49-F238E27FC236}">
                <a16:creationId xmlns:a16="http://schemas.microsoft.com/office/drawing/2014/main" id="{E34A80A4-B29A-467A-B379-879B5EAEABF8}"/>
              </a:ext>
            </a:extLst>
          </p:cNvPr>
          <p:cNvSpPr txBox="1"/>
          <p:nvPr/>
        </p:nvSpPr>
        <p:spPr>
          <a:xfrm>
            <a:off x="4540106" y="3993833"/>
            <a:ext cx="107914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/>
              <a:t>damping</a:t>
            </a:r>
            <a:endParaRPr lang="en-GB" dirty="0"/>
          </a:p>
        </p:txBody>
      </p:sp>
      <p:sp>
        <p:nvSpPr>
          <p:cNvPr id="25" name="Tekstboks 6">
            <a:extLst>
              <a:ext uri="{FF2B5EF4-FFF2-40B4-BE49-F238E27FC236}">
                <a16:creationId xmlns:a16="http://schemas.microsoft.com/office/drawing/2014/main" id="{6FAE9AD8-BB4E-47DA-8C7E-864084C05756}"/>
              </a:ext>
            </a:extLst>
          </p:cNvPr>
          <p:cNvSpPr txBox="1"/>
          <p:nvPr/>
        </p:nvSpPr>
        <p:spPr>
          <a:xfrm>
            <a:off x="6549112" y="4035838"/>
            <a:ext cx="103906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/>
              <a:t>stiffness</a:t>
            </a:r>
            <a:endParaRPr lang="en-GB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0CB6EFC4-5375-4287-AA5B-021F6AC6CA5D}"/>
              </a:ext>
            </a:extLst>
          </p:cNvPr>
          <p:cNvSpPr txBox="1"/>
          <p:nvPr/>
        </p:nvSpPr>
        <p:spPr>
          <a:xfrm>
            <a:off x="7983279" y="4083345"/>
            <a:ext cx="126637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External force</a:t>
            </a:r>
          </a:p>
        </p:txBody>
      </p:sp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4D9372D3-A853-4BB8-AA71-6943FE5BD1EE}"/>
              </a:ext>
            </a:extLst>
          </p:cNvPr>
          <p:cNvSpPr/>
          <p:nvPr/>
        </p:nvSpPr>
        <p:spPr bwMode="auto">
          <a:xfrm>
            <a:off x="4894685" y="3141293"/>
            <a:ext cx="369984" cy="814469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3E5E8E83-741E-4A76-B412-566BF2401C1C}"/>
              </a:ext>
            </a:extLst>
          </p:cNvPr>
          <p:cNvSpPr/>
          <p:nvPr/>
        </p:nvSpPr>
        <p:spPr bwMode="auto">
          <a:xfrm>
            <a:off x="5453068" y="3098734"/>
            <a:ext cx="416735" cy="814469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9" name="Rectangle: Rounded Corners 28">
            <a:extLst>
              <a:ext uri="{FF2B5EF4-FFF2-40B4-BE49-F238E27FC236}">
                <a16:creationId xmlns:a16="http://schemas.microsoft.com/office/drawing/2014/main" id="{2966E768-E098-443A-BD4B-0435CD708BC2}"/>
              </a:ext>
            </a:extLst>
          </p:cNvPr>
          <p:cNvSpPr/>
          <p:nvPr/>
        </p:nvSpPr>
        <p:spPr bwMode="auto">
          <a:xfrm>
            <a:off x="7855871" y="3119794"/>
            <a:ext cx="437910" cy="814469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914779B7-B9D3-4D97-A632-9085EE056B25}"/>
              </a:ext>
            </a:extLst>
          </p:cNvPr>
          <p:cNvSpPr/>
          <p:nvPr/>
        </p:nvSpPr>
        <p:spPr bwMode="auto">
          <a:xfrm>
            <a:off x="4125283" y="3134490"/>
            <a:ext cx="433932" cy="814469"/>
          </a:xfrm>
          <a:prstGeom prst="roundRect">
            <a:avLst/>
          </a:prstGeom>
          <a:noFill/>
          <a:ln>
            <a:solidFill>
              <a:schemeClr val="accent3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7C64CE66-AF7A-4E66-946D-82B37FCFEFBB}"/>
              </a:ext>
            </a:extLst>
          </p:cNvPr>
          <p:cNvCxnSpPr/>
          <p:nvPr/>
        </p:nvCxnSpPr>
        <p:spPr bwMode="auto">
          <a:xfrm flipV="1">
            <a:off x="3543471" y="4017988"/>
            <a:ext cx="432048" cy="48808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A315A5C2-2662-4FCE-8385-B6E06BCCC54A}"/>
                  </a:ext>
                </a:extLst>
              </p:cNvPr>
              <p:cNvSpPr txBox="1"/>
              <p:nvPr/>
            </p:nvSpPr>
            <p:spPr>
              <a:xfrm>
                <a:off x="266709" y="4626848"/>
                <a:ext cx="3491918" cy="784125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en-GB" dirty="0">
                    <a:latin typeface="+mn-lt"/>
                  </a:rPr>
                  <a:t>If Constant Torqu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GB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𝑃</m:t>
                            </m:r>
                          </m:e>
                          <m:sub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</m:num>
                      <m:den>
                        <m:sSub>
                          <m:sSubPr>
                            <m:ctrlPr>
                              <a:rPr lang="en-GB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𝛺</m:t>
                            </m:r>
                          </m:e>
                          <m:sub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</m:den>
                    </m:f>
                    <m:r>
                      <a:rPr lang="en-GB" b="0" i="1" smtClean="0">
                        <a:latin typeface="Cambria Math" panose="02040503050406030204" pitchFamily="18" charset="0"/>
                      </a:rPr>
                      <m:t>, </m:t>
                    </m:r>
                    <m:f>
                      <m:f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sSub>
                          <m:sSubPr>
                            <m:ctrlP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𝑄</m:t>
                            </m:r>
                          </m:e>
                          <m:sub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num>
                      <m:den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GB" b="0" i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lang="en-GB" b="0" i="1" smtClean="0">
                        <a:latin typeface="Cambria Math" panose="02040503050406030204" pitchFamily="18" charset="0"/>
                      </a:rPr>
                      <m:t>=0</m:t>
                    </m:r>
                  </m:oMath>
                </a14:m>
                <a:br>
                  <a:rPr lang="en-GB" i="1" dirty="0">
                    <a:latin typeface="+mn-lt"/>
                  </a:rPr>
                </a:br>
                <a:r>
                  <a:rPr lang="en-GB" dirty="0">
                    <a:latin typeface="+mn-lt"/>
                  </a:rPr>
                  <a:t>If Constant Power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GB" i="1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GB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𝑃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</m:num>
                      <m:den>
                        <m:r>
                          <m:rPr>
                            <m:sty m:val="p"/>
                          </m:rPr>
                          <a:rPr lang="en-GB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lang="en-GB" b="0" i="1" smtClean="0">
                        <a:latin typeface="Cambria Math" panose="02040503050406030204" pitchFamily="18" charset="0"/>
                      </a:rPr>
                      <m:t>, </m:t>
                    </m:r>
                    <m:f>
                      <m:f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sSub>
                          <m:sSubPr>
                            <m:ctrlP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𝑄</m:t>
                            </m:r>
                          </m:e>
                          <m:sub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num>
                      <m:den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GB" b="0" i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lang="en-GB" b="0" i="1" smtClean="0">
                        <a:latin typeface="Cambria Math" panose="02040503050406030204" pitchFamily="18" charset="0"/>
                      </a:rPr>
                      <m:t>=−</m:t>
                    </m:r>
                    <m:f>
                      <m:f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𝑃</m:t>
                        </m:r>
                      </m:num>
                      <m:den>
                        <m:sSup>
                          <m:sSupPr>
                            <m:ctrlPr>
                              <a:rPr lang="en-GB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m:rPr>
                                <m:sty m:val="p"/>
                              </m:rPr>
                              <a:rPr lang="en-GB" b="0" i="0" smtClean="0">
                                <a:latin typeface="Cambria Math" panose="02040503050406030204" pitchFamily="18" charset="0"/>
                              </a:rPr>
                              <m:t>Ω</m:t>
                            </m:r>
                          </m:e>
                          <m:sup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p>
                      </m:den>
                    </m:f>
                  </m:oMath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A315A5C2-2662-4FCE-8385-B6E06BCCC54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66709" y="4626848"/>
                <a:ext cx="3491918" cy="784125"/>
              </a:xfrm>
              <a:prstGeom prst="rect">
                <a:avLst/>
              </a:prstGeom>
              <a:blipFill>
                <a:blip r:embed="rId3"/>
                <a:stretch>
                  <a:fillRect l="-3665" b="-697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1" name="Content Placeholder 2">
                <a:extLst>
                  <a:ext uri="{FF2B5EF4-FFF2-40B4-BE49-F238E27FC236}">
                    <a16:creationId xmlns:a16="http://schemas.microsoft.com/office/drawing/2014/main" id="{1C8B9452-BDD4-4BE5-9DAD-BFDA6B8E311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589393" y="1322973"/>
                <a:ext cx="10250804" cy="4545578"/>
              </a:xfrm>
            </p:spPr>
            <p:txBody>
              <a:bodyPr/>
              <a:lstStyle/>
              <a:p>
                <a:pPr>
                  <a:lnSpc>
                    <a:spcPct val="150000"/>
                  </a:lnSpc>
                </a:pPr>
                <a:r>
                  <a:rPr lang="en-GB" dirty="0"/>
                  <a:t>We need to maintain the closed-loop speed mode at the desired </a:t>
                </a:r>
                <a:r>
                  <a:rPr lang="en-GB" dirty="0" err="1"/>
                  <a:t>behaviour</a:t>
                </a:r>
                <a:r>
                  <a:rPr lang="en-GB" dirty="0"/>
                  <a:t> 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𝜔</m:t>
                        </m:r>
                      </m:e>
                      <m:sub>
                        <m:r>
                          <m:rPr>
                            <m:sty m:val="p"/>
                          </m:rPr>
                          <a:rPr lang="en-GB">
                            <a:latin typeface="Cambria Math" panose="02040503050406030204" pitchFamily="18" charset="0"/>
                          </a:rPr>
                          <m:t>Ω</m:t>
                        </m:r>
                      </m:sub>
                    </m:sSub>
                    <m:r>
                      <a:rPr lang="en-GB" i="1">
                        <a:latin typeface="Cambria Math" panose="02040503050406030204" pitchFamily="18" charset="0"/>
                      </a:rPr>
                      <m:t>,</m:t>
                    </m:r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𝜁</m:t>
                        </m:r>
                      </m:e>
                      <m:sub>
                        <m:r>
                          <m:rPr>
                            <m:sty m:val="p"/>
                          </m:rPr>
                          <a:rPr lang="en-GB">
                            <a:latin typeface="Cambria Math" panose="02040503050406030204" pitchFamily="18" charset="0"/>
                          </a:rPr>
                          <m:t>Ω</m:t>
                        </m:r>
                      </m:sub>
                    </m:sSub>
                  </m:oMath>
                </a14:m>
                <a:r>
                  <a:rPr lang="en-GB" dirty="0"/>
                  <a:t>)</a:t>
                </a:r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However, </a:t>
                </a:r>
                <a:r>
                  <a:rPr lang="en-GB" dirty="0">
                    <a:solidFill>
                      <a:schemeClr val="tx2"/>
                    </a:solidFill>
                  </a:rPr>
                  <a:t>some variables </a:t>
                </a:r>
                <a:r>
                  <a:rPr lang="en-GB" b="1" dirty="0"/>
                  <a:t>changes</a:t>
                </a:r>
                <a:r>
                  <a:rPr lang="en-GB" dirty="0"/>
                  <a:t> upon the operating point (wind speed, rotor speed, pitch angle)</a:t>
                </a:r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How to modify our control law to ensure the desired behaviour of the closed-loop?</a:t>
                </a:r>
              </a:p>
            </p:txBody>
          </p:sp>
        </mc:Choice>
        <mc:Fallback xmlns="">
          <p:sp>
            <p:nvSpPr>
              <p:cNvPr id="31" name="Content Placeholder 2">
                <a:extLst>
                  <a:ext uri="{FF2B5EF4-FFF2-40B4-BE49-F238E27FC236}">
                    <a16:creationId xmlns:a16="http://schemas.microsoft.com/office/drawing/2014/main" id="{1C8B9452-BDD4-4BE5-9DAD-BFDA6B8E311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589393" y="1322973"/>
                <a:ext cx="10250804" cy="4545578"/>
              </a:xfrm>
              <a:blipFill>
                <a:blip r:embed="rId4"/>
                <a:stretch>
                  <a:fillRect l="-1309" r="-65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068084D4-F1BF-4CDE-8C8E-1090E6D815CB}"/>
                  </a:ext>
                </a:extLst>
              </p:cNvPr>
              <p:cNvSpPr txBox="1"/>
              <p:nvPr/>
            </p:nvSpPr>
            <p:spPr>
              <a:xfrm>
                <a:off x="5554634" y="4558770"/>
                <a:ext cx="3376052" cy="90685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zh-TW" altLang="en-GB" i="1">
                              <a:latin typeface="Cambria Math" panose="02040503050406030204" pitchFamily="18" charset="0"/>
                            </a:rPr>
                            <m:t>𝑃</m:t>
                          </m:r>
                        </m:sub>
                      </m:sSub>
                      <m:r>
                        <a:rPr lang="en-GB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altLang="zh-TW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sSub>
                            <m:sSub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d>
                            <m:dPr>
                              <m:ctrlPr>
                                <a:rPr lang="en-GB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f>
                            <m:f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GB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GB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f>
                            <m:f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𝑄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num>
                            <m:den>
                              <m:r>
                                <a:rPr lang="en-GB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GB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</m:num>
                        <m:den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GB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𝜃</m:t>
                              </m:r>
                            </m:den>
                          </m:f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068084D4-F1BF-4CDE-8C8E-1090E6D815C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54634" y="4558770"/>
                <a:ext cx="3376052" cy="906851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FB727049-A567-44F5-8359-8704B316EBF6}"/>
                  </a:ext>
                </a:extLst>
              </p:cNvPr>
              <p:cNvSpPr txBox="1"/>
              <p:nvPr/>
            </p:nvSpPr>
            <p:spPr>
              <a:xfrm>
                <a:off x="5611638" y="5630290"/>
                <a:ext cx="1758237" cy="72039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GB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Sup>
                            <m:sSubSup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  <m:sup>
                              <m: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d>
                            <m:dPr>
                              <m:ctrlPr>
                                <a:rPr lang="en-GB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GB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𝜃</m:t>
                              </m:r>
                            </m:den>
                          </m:f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FB727049-A567-44F5-8359-8704B316EBF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611638" y="5630290"/>
                <a:ext cx="1758237" cy="720390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6" name="Rectangle: Rounded Corners 35">
            <a:extLst>
              <a:ext uri="{FF2B5EF4-FFF2-40B4-BE49-F238E27FC236}">
                <a16:creationId xmlns:a16="http://schemas.microsoft.com/office/drawing/2014/main" id="{680584BA-6352-425E-8BEB-9D620E02A231}"/>
              </a:ext>
            </a:extLst>
          </p:cNvPr>
          <p:cNvSpPr/>
          <p:nvPr/>
        </p:nvSpPr>
        <p:spPr bwMode="auto">
          <a:xfrm>
            <a:off x="8555832" y="4435384"/>
            <a:ext cx="374854" cy="692541"/>
          </a:xfrm>
          <a:prstGeom prst="roundRect">
            <a:avLst/>
          </a:prstGeom>
          <a:noFill/>
          <a:ln>
            <a:solidFill>
              <a:schemeClr val="accent3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E1778652-A3F9-4F50-B32B-8A5FDB8A8C12}"/>
              </a:ext>
            </a:extLst>
          </p:cNvPr>
          <p:cNvSpPr txBox="1"/>
          <p:nvPr/>
        </p:nvSpPr>
        <p:spPr>
          <a:xfrm>
            <a:off x="9463171" y="4747343"/>
            <a:ext cx="1266372" cy="246221"/>
          </a:xfrm>
          <a:prstGeom prst="rect">
            <a:avLst/>
          </a:prstGeom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>
                <a:latin typeface="+mn-lt"/>
              </a:rPr>
              <a:t>Cancel out</a:t>
            </a:r>
            <a:endParaRPr lang="en-GB" dirty="0" err="1">
              <a:latin typeface="+mn-lt"/>
            </a:endParaRPr>
          </a:p>
        </p:txBody>
      </p: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61A6B09F-EC44-4FCF-9D6C-943667DC408D}"/>
              </a:ext>
            </a:extLst>
          </p:cNvPr>
          <p:cNvCxnSpPr>
            <a:cxnSpLocks/>
          </p:cNvCxnSpPr>
          <p:nvPr/>
        </p:nvCxnSpPr>
        <p:spPr bwMode="auto">
          <a:xfrm flipV="1">
            <a:off x="7804005" y="4496632"/>
            <a:ext cx="437910" cy="692541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8" name="Afrundet rektangel 4">
            <a:extLst>
              <a:ext uri="{FF2B5EF4-FFF2-40B4-BE49-F238E27FC236}">
                <a16:creationId xmlns:a16="http://schemas.microsoft.com/office/drawing/2014/main" id="{89874A92-1487-4160-B37E-C786825850C2}"/>
              </a:ext>
            </a:extLst>
          </p:cNvPr>
          <p:cNvSpPr/>
          <p:nvPr/>
        </p:nvSpPr>
        <p:spPr bwMode="auto">
          <a:xfrm>
            <a:off x="7175326" y="5028560"/>
            <a:ext cx="582354" cy="493764"/>
          </a:xfrm>
          <a:prstGeom prst="roundRect">
            <a:avLst/>
          </a:prstGeom>
          <a:noFill/>
          <a:ln w="57150">
            <a:solidFill>
              <a:schemeClr val="accent6"/>
            </a:solidFill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49" name="Afrundet rektangel 5">
            <a:extLst>
              <a:ext uri="{FF2B5EF4-FFF2-40B4-BE49-F238E27FC236}">
                <a16:creationId xmlns:a16="http://schemas.microsoft.com/office/drawing/2014/main" id="{1B044E5C-90A1-40B0-BF3F-15BE5C4119D8}"/>
              </a:ext>
            </a:extLst>
          </p:cNvPr>
          <p:cNvSpPr/>
          <p:nvPr/>
        </p:nvSpPr>
        <p:spPr bwMode="auto">
          <a:xfrm>
            <a:off x="6427914" y="5944853"/>
            <a:ext cx="907393" cy="513794"/>
          </a:xfrm>
          <a:prstGeom prst="roundRect">
            <a:avLst/>
          </a:prstGeom>
          <a:noFill/>
          <a:ln w="57150">
            <a:solidFill>
              <a:schemeClr val="accent6"/>
            </a:solidFill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50" name="Tekstboks 6">
            <a:extLst>
              <a:ext uri="{FF2B5EF4-FFF2-40B4-BE49-F238E27FC236}">
                <a16:creationId xmlns:a16="http://schemas.microsoft.com/office/drawing/2014/main" id="{52E34BE1-D0CC-4AEB-9B5E-448BD08B41CB}"/>
              </a:ext>
            </a:extLst>
          </p:cNvPr>
          <p:cNvSpPr txBox="1"/>
          <p:nvPr/>
        </p:nvSpPr>
        <p:spPr>
          <a:xfrm>
            <a:off x="8339902" y="5894644"/>
            <a:ext cx="3830617" cy="495108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en-GB" sz="1800" dirty="0">
                <a:latin typeface="Arial Rounded MT Bold" panose="020F0704030504030204" pitchFamily="34" charset="0"/>
              </a:rPr>
              <a:t>How do we know these values</a:t>
            </a:r>
          </a:p>
        </p:txBody>
      </p:sp>
      <p:cxnSp>
        <p:nvCxnSpPr>
          <p:cNvPr id="51" name="Lige pilforbindelse 10">
            <a:extLst>
              <a:ext uri="{FF2B5EF4-FFF2-40B4-BE49-F238E27FC236}">
                <a16:creationId xmlns:a16="http://schemas.microsoft.com/office/drawing/2014/main" id="{000D1014-A563-4438-AADA-AB044D1E2615}"/>
              </a:ext>
            </a:extLst>
          </p:cNvPr>
          <p:cNvCxnSpPr>
            <a:cxnSpLocks/>
            <a:stCxn id="50" idx="1"/>
            <a:endCxn id="49" idx="3"/>
          </p:cNvCxnSpPr>
          <p:nvPr/>
        </p:nvCxnSpPr>
        <p:spPr bwMode="auto">
          <a:xfrm flipH="1">
            <a:off x="7335307" y="6142198"/>
            <a:ext cx="1004595" cy="59552"/>
          </a:xfrm>
          <a:prstGeom prst="straightConnector1">
            <a:avLst/>
          </a:prstGeom>
          <a:ln w="28575">
            <a:solidFill>
              <a:schemeClr val="accent6"/>
            </a:solidFill>
            <a:headEnd type="none" w="med" len="med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Lige pilforbindelse 10">
            <a:extLst>
              <a:ext uri="{FF2B5EF4-FFF2-40B4-BE49-F238E27FC236}">
                <a16:creationId xmlns:a16="http://schemas.microsoft.com/office/drawing/2014/main" id="{A247E7C3-724C-40D4-A89D-3517768F92F9}"/>
              </a:ext>
            </a:extLst>
          </p:cNvPr>
          <p:cNvCxnSpPr>
            <a:cxnSpLocks/>
            <a:stCxn id="50" idx="1"/>
            <a:endCxn id="48" idx="3"/>
          </p:cNvCxnSpPr>
          <p:nvPr/>
        </p:nvCxnSpPr>
        <p:spPr bwMode="auto">
          <a:xfrm flipH="1" flipV="1">
            <a:off x="7757680" y="5275442"/>
            <a:ext cx="582222" cy="866756"/>
          </a:xfrm>
          <a:prstGeom prst="straightConnector1">
            <a:avLst/>
          </a:prstGeom>
          <a:ln w="28575">
            <a:solidFill>
              <a:schemeClr val="accent6"/>
            </a:solidFill>
            <a:headEnd type="none" w="med" len="med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TextBox 60">
            <a:extLst>
              <a:ext uri="{FF2B5EF4-FFF2-40B4-BE49-F238E27FC236}">
                <a16:creationId xmlns:a16="http://schemas.microsoft.com/office/drawing/2014/main" id="{FC8AB3A3-E2EF-4705-8115-10AB543E296D}"/>
              </a:ext>
            </a:extLst>
          </p:cNvPr>
          <p:cNvSpPr txBox="1"/>
          <p:nvPr/>
        </p:nvSpPr>
        <p:spPr>
          <a:xfrm>
            <a:off x="9463171" y="2629501"/>
            <a:ext cx="1800173" cy="246221"/>
          </a:xfrm>
          <a:prstGeom prst="rect">
            <a:avLst/>
          </a:prstGeom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>
                <a:latin typeface="+mn-lt"/>
              </a:rPr>
              <a:t>This is Disturbance,</a:t>
            </a:r>
            <a:endParaRPr lang="en-GB" dirty="0">
              <a:latin typeface="+mn-lt"/>
            </a:endParaRPr>
          </a:p>
        </p:txBody>
      </p: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89F9796F-A356-4663-BEB1-FB8F88C5E0DF}"/>
              </a:ext>
            </a:extLst>
          </p:cNvPr>
          <p:cNvCxnSpPr/>
          <p:nvPr/>
        </p:nvCxnSpPr>
        <p:spPr bwMode="auto">
          <a:xfrm flipH="1">
            <a:off x="8616465" y="2872955"/>
            <a:ext cx="714154" cy="30926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B4840C6C-CA24-481A-95D0-12DB8304D10D}"/>
              </a:ext>
            </a:extLst>
          </p:cNvPr>
          <p:cNvCxnSpPr>
            <a:cxnSpLocks/>
          </p:cNvCxnSpPr>
          <p:nvPr/>
        </p:nvCxnSpPr>
        <p:spPr bwMode="auto">
          <a:xfrm flipV="1">
            <a:off x="4775666" y="3073608"/>
            <a:ext cx="541642" cy="997842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0DDAB57A-12AB-4A89-9435-8AFAC17EEAE4}"/>
              </a:ext>
            </a:extLst>
          </p:cNvPr>
          <p:cNvSpPr/>
          <p:nvPr/>
        </p:nvSpPr>
        <p:spPr bwMode="auto">
          <a:xfrm>
            <a:off x="6804079" y="3081522"/>
            <a:ext cx="416735" cy="814469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204464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8" grpId="0" animBg="1"/>
      <p:bldP spid="49" grpId="0" animBg="1"/>
      <p:bldP spid="50" grpId="0" animBg="1"/>
    </p:bld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1198662" y="332656"/>
            <a:ext cx="9696977" cy="598920"/>
          </a:xfrm>
        </p:spPr>
        <p:txBody>
          <a:bodyPr/>
          <a:lstStyle/>
          <a:p>
            <a:r>
              <a:rPr lang="en-GB" dirty="0"/>
              <a:t>How to get aerodynamic gain? Method 1</a:t>
            </a:r>
          </a:p>
        </p:txBody>
      </p:sp>
      <p:pic>
        <p:nvPicPr>
          <p:cNvPr id="6" name="Picture 2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5282" y="1787454"/>
            <a:ext cx="3359291" cy="29260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grpSp>
        <p:nvGrpSpPr>
          <p:cNvPr id="17" name="Group 16"/>
          <p:cNvGrpSpPr/>
          <p:nvPr/>
        </p:nvGrpSpPr>
        <p:grpSpPr>
          <a:xfrm>
            <a:off x="4222998" y="1340768"/>
            <a:ext cx="7719615" cy="5040560"/>
            <a:chOff x="4295006" y="934652"/>
            <a:chExt cx="7791623" cy="5136377"/>
          </a:xfrm>
        </p:grpSpPr>
        <p:pic>
          <p:nvPicPr>
            <p:cNvPr id="8" name="Picture 2"/>
            <p:cNvPicPr>
              <a:picLocks noChangeAspect="1" noChangeArrowheads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4295006" y="934652"/>
              <a:ext cx="7791623" cy="513637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cxnSp>
          <p:nvCxnSpPr>
            <p:cNvPr id="9" name="Lige pilforbindelse 5"/>
            <p:cNvCxnSpPr/>
            <p:nvPr/>
          </p:nvCxnSpPr>
          <p:spPr bwMode="auto">
            <a:xfrm>
              <a:off x="6095206" y="1222684"/>
              <a:ext cx="0" cy="1944216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arrow"/>
              <a:tailEnd type="arrow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0" name="Tekstboks 6"/>
                <p:cNvSpPr txBox="1"/>
                <p:nvPr/>
              </p:nvSpPr>
              <p:spPr>
                <a:xfrm>
                  <a:off x="6129773" y="2372591"/>
                  <a:ext cx="1120820" cy="338554"/>
                </a:xfrm>
                <a:prstGeom prst="rect">
                  <a:avLst/>
                </a:prstGeom>
                <a:noFill/>
              </p:spPr>
              <p:txBody>
                <a:bodyPr wrap="none" rtlCol="0">
                  <a:spAutoFit/>
                </a:bodyPr>
                <a:lstStyle/>
                <a:p>
                  <a14:m>
                    <m:oMath xmlns:m="http://schemas.openxmlformats.org/officeDocument/2006/math">
                      <m:r>
                        <a:rPr lang="da-DK" b="0" i="1" smtClean="0">
                          <a:latin typeface="Cambria Math"/>
                        </a:rPr>
                        <m:t>≈</m:t>
                      </m:r>
                    </m:oMath>
                  </a14:m>
                  <a:r>
                    <a:rPr lang="en-US" dirty="0"/>
                    <a:t>3.7 </a:t>
                  </a:r>
                  <a:r>
                    <a:rPr lang="en-US" dirty="0" err="1"/>
                    <a:t>deg</a:t>
                  </a:r>
                  <a:endParaRPr lang="en-US" dirty="0"/>
                </a:p>
              </p:txBody>
            </p:sp>
          </mc:Choice>
          <mc:Fallback xmlns="">
            <p:sp>
              <p:nvSpPr>
                <p:cNvPr id="10" name="Tekstboks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6129773" y="2372591"/>
                  <a:ext cx="1120820" cy="338554"/>
                </a:xfrm>
                <a:prstGeom prst="rect">
                  <a:avLst/>
                </a:prstGeom>
                <a:blipFill>
                  <a:blip r:embed="rId5"/>
                  <a:stretch>
                    <a:fillRect t="-5455" r="-2747" b="-23636"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11" name="Lige pilforbindelse 8"/>
            <p:cNvCxnSpPr/>
            <p:nvPr/>
          </p:nvCxnSpPr>
          <p:spPr bwMode="auto">
            <a:xfrm>
              <a:off x="5530561" y="4419500"/>
              <a:ext cx="0" cy="1195672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arrow"/>
              <a:tailEnd type="arrow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" name="Lige pilforbindelse 10"/>
            <p:cNvCxnSpPr/>
            <p:nvPr/>
          </p:nvCxnSpPr>
          <p:spPr bwMode="auto">
            <a:xfrm>
              <a:off x="8186845" y="4419500"/>
              <a:ext cx="3972" cy="403584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arrow"/>
              <a:tailEnd type="arrow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3" name="Lige pilforbindelse 11"/>
            <p:cNvCxnSpPr/>
            <p:nvPr/>
          </p:nvCxnSpPr>
          <p:spPr bwMode="auto">
            <a:xfrm flipH="1">
              <a:off x="4943078" y="4419500"/>
              <a:ext cx="3384376" cy="0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4" name="Tekstboks 16"/>
                <p:cNvSpPr txBox="1"/>
                <p:nvPr/>
              </p:nvSpPr>
              <p:spPr>
                <a:xfrm>
                  <a:off x="5114967" y="3670956"/>
                  <a:ext cx="2533899" cy="700576"/>
                </a:xfrm>
                <a:prstGeom prst="rect">
                  <a:avLst/>
                </a:prstGeom>
                <a:noFill/>
              </p:spPr>
              <p:txBody>
                <a:bodyPr wrap="none" rtlCol="0">
                  <a:spAutoFit/>
                </a:bodyPr>
                <a:lstStyle/>
                <a:p>
                  <a:pPr>
                    <a:spcBef>
                      <a:spcPts val="0"/>
                    </a:spcBef>
                  </a:pPr>
                  <a14:m>
                    <m:oMath xmlns:m="http://schemas.openxmlformats.org/officeDocument/2006/math">
                      <m:f>
                        <m:f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b="0" i="1" smtClean="0">
                              <a:latin typeface="Cambria Math"/>
                            </a:rPr>
                            <m:t>𝜕</m:t>
                          </m:r>
                          <m:r>
                            <a:rPr lang="da-DK" b="0" i="1" smtClean="0">
                              <a:latin typeface="Cambria Math"/>
                            </a:rPr>
                            <m:t>𝑄</m:t>
                          </m:r>
                        </m:num>
                        <m:den>
                          <m:r>
                            <a:rPr lang="da-DK" b="0" i="1" smtClean="0">
                              <a:latin typeface="Cambria Math"/>
                            </a:rPr>
                            <m:t>𝜕𝜃</m:t>
                          </m:r>
                        </m:den>
                      </m:f>
                    </m:oMath>
                  </a14:m>
                  <a:r>
                    <a:rPr lang="en-US" dirty="0"/>
                    <a:t> = aerodynamic gain</a:t>
                  </a:r>
                </a:p>
                <a:p>
                  <a:pPr>
                    <a:spcBef>
                      <a:spcPts val="0"/>
                    </a:spcBef>
                  </a:pPr>
                  <a:r>
                    <a:rPr lang="en-US" dirty="0"/>
                    <a:t>    </a:t>
                  </a:r>
                  <a14:m>
                    <m:oMath xmlns:m="http://schemas.openxmlformats.org/officeDocument/2006/math">
                      <m:r>
                        <a:rPr lang="da-DK" b="0" i="1" smtClean="0">
                          <a:latin typeface="Cambria Math"/>
                        </a:rPr>
                        <m:t>≈</m:t>
                      </m:r>
                    </m:oMath>
                  </a14:m>
                  <a:r>
                    <a:rPr lang="en-US" dirty="0"/>
                    <a:t>-32 </a:t>
                  </a:r>
                  <a:r>
                    <a:rPr lang="en-US" dirty="0" err="1"/>
                    <a:t>kNm</a:t>
                  </a:r>
                  <a:r>
                    <a:rPr lang="en-US" dirty="0"/>
                    <a:t>/</a:t>
                  </a:r>
                  <a:r>
                    <a:rPr lang="en-US" dirty="0" err="1"/>
                    <a:t>deg</a:t>
                  </a:r>
                  <a:endParaRPr lang="en-US" dirty="0"/>
                </a:p>
              </p:txBody>
            </p:sp>
          </mc:Choice>
          <mc:Fallback xmlns="">
            <p:sp>
              <p:nvSpPr>
                <p:cNvPr id="14" name="Tekstboks 1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5114967" y="3670956"/>
                  <a:ext cx="2533899" cy="700576"/>
                </a:xfrm>
                <a:prstGeom prst="rect">
                  <a:avLst/>
                </a:prstGeom>
                <a:blipFill>
                  <a:blip r:embed="rId6"/>
                  <a:stretch>
                    <a:fillRect r="-1456" b="-12389"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5" name="Tekstboks 18"/>
                <p:cNvSpPr txBox="1"/>
                <p:nvPr/>
              </p:nvSpPr>
              <p:spPr>
                <a:xfrm>
                  <a:off x="5478583" y="5111116"/>
                  <a:ext cx="1287532" cy="338554"/>
                </a:xfrm>
                <a:prstGeom prst="rect">
                  <a:avLst/>
                </a:prstGeom>
                <a:noFill/>
              </p:spPr>
              <p:txBody>
                <a:bodyPr wrap="none" rtlCol="0">
                  <a:spAutoFit/>
                </a:bodyPr>
                <a:lstStyle/>
                <a:p>
                  <a14:m>
                    <m:oMath xmlns:m="http://schemas.openxmlformats.org/officeDocument/2006/math">
                      <m:r>
                        <a:rPr lang="da-DK" b="0" i="1" smtClean="0">
                          <a:latin typeface="Cambria Math"/>
                        </a:rPr>
                        <m:t>≈</m:t>
                      </m:r>
                    </m:oMath>
                  </a14:m>
                  <a:r>
                    <a:rPr lang="en-US" dirty="0"/>
                    <a:t> -275 kW</a:t>
                  </a:r>
                </a:p>
              </p:txBody>
            </p:sp>
          </mc:Choice>
          <mc:Fallback xmlns="">
            <p:sp>
              <p:nvSpPr>
                <p:cNvPr id="15" name="Tekstboks 1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5478583" y="5111116"/>
                  <a:ext cx="1287532" cy="338554"/>
                </a:xfrm>
                <a:prstGeom prst="rect">
                  <a:avLst/>
                </a:prstGeom>
                <a:blipFill>
                  <a:blip r:embed="rId7"/>
                  <a:stretch>
                    <a:fillRect t="-5455" r="-2871" b="-23636"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6" name="Tekstboks 20"/>
                <p:cNvSpPr txBox="1"/>
                <p:nvPr/>
              </p:nvSpPr>
              <p:spPr>
                <a:xfrm>
                  <a:off x="8186845" y="5031027"/>
                  <a:ext cx="1980863" cy="454355"/>
                </a:xfrm>
                <a:prstGeom prst="rect">
                  <a:avLst/>
                </a:prstGeom>
                <a:noFill/>
              </p:spPr>
              <p:txBody>
                <a:bodyPr wrap="none" rtlCol="0">
                  <a:spAutoFit/>
                </a:bodyPr>
                <a:lstStyle/>
                <a:p>
                  <a:pPr>
                    <a:spcBef>
                      <a:spcPts val="0"/>
                    </a:spcBef>
                  </a:pPr>
                  <a14:m>
                    <m:oMath xmlns:m="http://schemas.openxmlformats.org/officeDocument/2006/math">
                      <m:f>
                        <m:f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b="0" i="1" smtClean="0">
                              <a:latin typeface="Cambria Math"/>
                            </a:rPr>
                            <m:t>𝜕</m:t>
                          </m:r>
                          <m:r>
                            <a:rPr lang="da-DK" b="0" i="1" smtClean="0">
                              <a:latin typeface="Cambria Math"/>
                            </a:rPr>
                            <m:t>𝑄</m:t>
                          </m:r>
                        </m:num>
                        <m:den>
                          <m:r>
                            <a:rPr lang="da-DK" b="0" i="1" smtClean="0">
                              <a:latin typeface="Cambria Math"/>
                            </a:rPr>
                            <m:t>𝜕𝜃</m:t>
                          </m:r>
                        </m:den>
                      </m:f>
                    </m:oMath>
                  </a14:m>
                  <a:r>
                    <a:rPr lang="en-US" dirty="0"/>
                    <a:t> </a:t>
                  </a:r>
                  <a14:m>
                    <m:oMath xmlns:m="http://schemas.openxmlformats.org/officeDocument/2006/math">
                      <m:r>
                        <a:rPr lang="da-DK" b="0" i="1" smtClean="0">
                          <a:latin typeface="Cambria Math"/>
                        </a:rPr>
                        <m:t>≈</m:t>
                      </m:r>
                    </m:oMath>
                  </a14:m>
                  <a:r>
                    <a:rPr lang="en-US" dirty="0"/>
                    <a:t>-12 </a:t>
                  </a:r>
                  <a:r>
                    <a:rPr lang="en-US" dirty="0" err="1"/>
                    <a:t>kNm</a:t>
                  </a:r>
                  <a:r>
                    <a:rPr lang="en-US" dirty="0"/>
                    <a:t>/</a:t>
                  </a:r>
                  <a:r>
                    <a:rPr lang="en-US" dirty="0" err="1"/>
                    <a:t>deg</a:t>
                  </a:r>
                  <a:endParaRPr lang="en-US" dirty="0"/>
                </a:p>
              </p:txBody>
            </p:sp>
          </mc:Choice>
          <mc:Fallback xmlns="">
            <p:sp>
              <p:nvSpPr>
                <p:cNvPr id="16" name="Tekstboks 20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8186845" y="5031027"/>
                  <a:ext cx="1980863" cy="454355"/>
                </a:xfrm>
                <a:prstGeom prst="rect">
                  <a:avLst/>
                </a:prstGeom>
                <a:blipFill>
                  <a:blip r:embed="rId8"/>
                  <a:stretch>
                    <a:fillRect r="-1863" b="-4054"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</p:grpSp>
      <p:sp>
        <p:nvSpPr>
          <p:cNvPr id="18" name="Tekstboks 3"/>
          <p:cNvSpPr txBox="1"/>
          <p:nvPr/>
        </p:nvSpPr>
        <p:spPr>
          <a:xfrm>
            <a:off x="541773" y="5166482"/>
            <a:ext cx="3384376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/>
              <a:t>Measurement from Tjæreborg turbine by Øye (1991) at rated speed of 22 rpm </a:t>
            </a:r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4DDBA29D-D5A1-461B-834A-C54D0EA868FA}"/>
              </a:ext>
            </a:extLst>
          </p:cNvPr>
          <p:cNvSpPr txBox="1"/>
          <p:nvPr/>
        </p:nvSpPr>
        <p:spPr>
          <a:xfrm>
            <a:off x="541773" y="1138303"/>
            <a:ext cx="3835987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>
                <a:latin typeface="+mn-lt"/>
              </a:rPr>
              <a:t>When you have access to a real turbine …</a:t>
            </a:r>
            <a:endParaRPr lang="en-GB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2662005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1198662" y="332656"/>
            <a:ext cx="9696977" cy="598920"/>
          </a:xfrm>
        </p:spPr>
        <p:txBody>
          <a:bodyPr/>
          <a:lstStyle/>
          <a:p>
            <a:r>
              <a:rPr lang="en-GB" dirty="0"/>
              <a:t>How to get aerodynamic gain? Method 3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9" name="Content Placeholder 2">
                <a:extLst>
                  <a:ext uri="{FF2B5EF4-FFF2-40B4-BE49-F238E27FC236}">
                    <a16:creationId xmlns:a16="http://schemas.microsoft.com/office/drawing/2014/main" id="{477D01CF-BF49-44C2-80C4-1E93E1D79A3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265312" y="1631847"/>
                <a:ext cx="6630093" cy="4545578"/>
              </a:xfrm>
            </p:spPr>
            <p:txBody>
              <a:bodyPr/>
              <a:lstStyle/>
              <a:p>
                <a:pPr>
                  <a:lnSpc>
                    <a:spcPct val="150000"/>
                  </a:lnSpc>
                </a:pPr>
                <a:r>
                  <a:rPr lang="en-GB" dirty="0"/>
                  <a:t>We need to calculate the </a:t>
                </a:r>
                <a:r>
                  <a:rPr lang="en-GB" b="1" dirty="0"/>
                  <a:t>steady state </a:t>
                </a:r>
                <a:r>
                  <a:rPr lang="en-GB" dirty="0"/>
                  <a:t>pitch angle</a:t>
                </a:r>
              </a:p>
              <a:p>
                <a:pPr lvl="1">
                  <a:lnSpc>
                    <a:spcPct val="150000"/>
                  </a:lnSpc>
                </a:pPr>
                <a:r>
                  <a:rPr lang="en-GB" dirty="0"/>
                  <a:t>Applying a step wind (time simulation)</a:t>
                </a:r>
              </a:p>
              <a:p>
                <a:pPr lvl="1">
                  <a:lnSpc>
                    <a:spcPct val="150000"/>
                  </a:lnSpc>
                </a:pPr>
                <a:r>
                  <a:rPr lang="en-GB" dirty="0"/>
                  <a:t>in aeroelastic code (BEM, HAWCStab2, FAST), changing the pitch until the power (</a:t>
                </a:r>
                <a:r>
                  <a:rPr lang="en-GB" dirty="0" err="1"/>
                  <a:t>aeroTorque</a:t>
                </a:r>
                <a:r>
                  <a:rPr lang="en-GB" dirty="0"/>
                  <a:t>) is reached rated.</a:t>
                </a:r>
              </a:p>
              <a:p>
                <a:pPr marL="216000" lvl="1" indent="0">
                  <a:lnSpc>
                    <a:spcPct val="150000"/>
                  </a:lnSpc>
                  <a:buNone/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For each pitch angle , calculate </a:t>
                </a:r>
                <a14:m>
                  <m:oMath xmlns:m="http://schemas.openxmlformats.org/officeDocument/2006/math">
                    <m:r>
                      <a:rPr lang="en-GB" i="1">
                        <a:latin typeface="Cambria Math" panose="02040503050406030204" pitchFamily="18" charset="0"/>
                      </a:rPr>
                      <m:t>𝑄</m:t>
                    </m:r>
                  </m:oMath>
                </a14:m>
                <a:r>
                  <a:rPr lang="en-GB" dirty="0"/>
                  <a:t> 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GB" i="1">
                            <a:latin typeface="Cambria Math" panose="02040503050406030204" pitchFamily="18" charset="0"/>
                          </a:rPr>
                          <m:t>𝜖</m:t>
                        </m:r>
                      </m:sub>
                    </m:sSub>
                  </m:oMath>
                </a14:m>
                <a:r>
                  <a:rPr lang="en-GB" dirty="0"/>
                  <a:t> at steady state</a:t>
                </a:r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Now, </a:t>
                </a:r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Repeat for next pitch</a:t>
                </a:r>
              </a:p>
            </p:txBody>
          </p:sp>
        </mc:Choice>
        <mc:Fallback xmlns="">
          <p:sp>
            <p:nvSpPr>
              <p:cNvPr id="19" name="Content Placeholder 2">
                <a:extLst>
                  <a:ext uri="{FF2B5EF4-FFF2-40B4-BE49-F238E27FC236}">
                    <a16:creationId xmlns:a16="http://schemas.microsoft.com/office/drawing/2014/main" id="{477D01CF-BF49-44C2-80C4-1E93E1D79A3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265312" y="1631847"/>
                <a:ext cx="6630093" cy="4545578"/>
              </a:xfrm>
              <a:blipFill>
                <a:blip r:embed="rId3"/>
                <a:stretch>
                  <a:fillRect l="-2024" r="-2668" b="-228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0" name="Picture 19">
            <a:extLst>
              <a:ext uri="{FF2B5EF4-FFF2-40B4-BE49-F238E27FC236}">
                <a16:creationId xmlns:a16="http://schemas.microsoft.com/office/drawing/2014/main" id="{98891B9C-9D37-494E-A442-C0D84951400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704321" y="932379"/>
            <a:ext cx="4486092" cy="3364569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86ED91CE-28E3-4B27-A0B9-50276AB55557}"/>
                  </a:ext>
                </a:extLst>
              </p:cNvPr>
              <p:cNvSpPr txBox="1"/>
              <p:nvPr/>
            </p:nvSpPr>
            <p:spPr>
              <a:xfrm>
                <a:off x="2137285" y="4449810"/>
                <a:ext cx="2120902" cy="46102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𝑄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𝜌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𝐴</m:t>
                      </m:r>
                      <m:sSup>
                        <m:sSup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p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d>
                        <m:d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𝜆</m:t>
                          </m:r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  <m:sSubSup>
                        <m:sSubSup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m:rPr>
                              <m:sty m:val="p"/>
                            </m:rPr>
                            <a:rPr lang="en-GB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m:rPr>
                              <m:sty m:val="p"/>
                            </m:rPr>
                            <a:rPr lang="en-GB" b="0" i="0" smtClean="0">
                              <a:latin typeface="Cambria Math" panose="02040503050406030204" pitchFamily="18" charset="0"/>
                            </a:rPr>
                            <m:t>r</m:t>
                          </m:r>
                        </m:sub>
                        <m:sup>
                          <m:r>
                            <a:rPr lang="en-GB" b="0" i="0" smtClean="0">
                              <a:latin typeface="Cambria Math" panose="02040503050406030204" pitchFamily="18" charset="0"/>
                            </a:rPr>
                            <m:t>−1</m:t>
                          </m:r>
                        </m:sup>
                      </m:sSubSup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86ED91CE-28E3-4B27-A0B9-50276AB5555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137285" y="4449810"/>
                <a:ext cx="2120902" cy="461024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06487B53-161C-467F-82B4-CF72807FBA9F}"/>
                  </a:ext>
                </a:extLst>
              </p:cNvPr>
              <p:cNvSpPr/>
              <p:nvPr/>
            </p:nvSpPr>
            <p:spPr>
              <a:xfrm>
                <a:off x="4958890" y="4426293"/>
                <a:ext cx="2745431" cy="55335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sub>
                      </m:sSub>
                      <m:r>
                        <a:rPr lang="en-GB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GB" i="1">
                          <a:latin typeface="Cambria Math" panose="02040503050406030204" pitchFamily="18" charset="0"/>
                        </a:rPr>
                        <m:t>𝜌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𝐴</m:t>
                      </m:r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𝜆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𝜃</m:t>
                          </m:r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</m:d>
                      <m:sSubSup>
                        <m:sSubSup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m:rPr>
                              <m:sty m:val="p"/>
                            </m:rPr>
                            <a:rPr lang="en-GB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m:rPr>
                              <m:sty m:val="p"/>
                            </m:rPr>
                            <a:rPr lang="en-GB">
                              <a:latin typeface="Cambria Math" panose="02040503050406030204" pitchFamily="18" charset="0"/>
                            </a:rPr>
                            <m:t>r</m:t>
                          </m:r>
                        </m:sub>
                        <m:sup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−1</m:t>
                          </m:r>
                        </m:sup>
                      </m:sSubSup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06487B53-161C-467F-82B4-CF72807FBA9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958890" y="4426293"/>
                <a:ext cx="2745431" cy="553357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C9FC9D27-6A52-4D42-BD7D-B1C7AA4C71AC}"/>
                  </a:ext>
                </a:extLst>
              </p:cNvPr>
              <p:cNvSpPr txBox="1"/>
              <p:nvPr/>
            </p:nvSpPr>
            <p:spPr>
              <a:xfrm>
                <a:off x="2344395" y="5310027"/>
                <a:ext cx="1198598" cy="468205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en-GB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𝜃</m:t>
                          </m:r>
                        </m:den>
                      </m:f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e>
                            <m: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𝜖</m:t>
                              </m:r>
                            </m:sub>
                          </m:sSub>
                        </m:num>
                        <m:den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den>
                      </m:f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C9FC9D27-6A52-4D42-BD7D-B1C7AA4C71A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344395" y="5310027"/>
                <a:ext cx="1198598" cy="468205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5" name="TextBox 24">
            <a:extLst>
              <a:ext uri="{FF2B5EF4-FFF2-40B4-BE49-F238E27FC236}">
                <a16:creationId xmlns:a16="http://schemas.microsoft.com/office/drawing/2014/main" id="{068A578B-5963-43B2-A204-5A5A060C3983}"/>
              </a:ext>
            </a:extLst>
          </p:cNvPr>
          <p:cNvSpPr txBox="1"/>
          <p:nvPr/>
        </p:nvSpPr>
        <p:spPr>
          <a:xfrm>
            <a:off x="328972" y="1065260"/>
            <a:ext cx="3214021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>
                <a:latin typeface="+mn-lt"/>
              </a:rPr>
              <a:t>When you can only do simulation…</a:t>
            </a:r>
            <a:endParaRPr lang="en-GB" dirty="0" err="1">
              <a:latin typeface="+mn-lt"/>
            </a:endParaRP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00FDEADC-CA85-45BF-9805-67B82504619E}"/>
              </a:ext>
            </a:extLst>
          </p:cNvPr>
          <p:cNvSpPr/>
          <p:nvPr/>
        </p:nvSpPr>
        <p:spPr bwMode="auto">
          <a:xfrm>
            <a:off x="838622" y="3904636"/>
            <a:ext cx="7056783" cy="2476692"/>
          </a:xfrm>
          <a:prstGeom prst="round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872304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1126654" y="404664"/>
            <a:ext cx="9312374" cy="562131"/>
          </a:xfrm>
        </p:spPr>
        <p:txBody>
          <a:bodyPr/>
          <a:lstStyle/>
          <a:p>
            <a:r>
              <a:rPr lang="en-GB" dirty="0"/>
              <a:t>Aerodynamic gain scheduling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6" name="Rectangle 15"/>
              <p:cNvSpPr/>
              <p:nvPr/>
            </p:nvSpPr>
            <p:spPr>
              <a:xfrm>
                <a:off x="1042143" y="1196752"/>
                <a:ext cx="5917159" cy="5190460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marL="285750" indent="-285750">
                  <a:buFont typeface="Arial" panose="020B0604020202020204" pitchFamily="34" charset="0"/>
                  <a:buChar char="•"/>
                </a:pPr>
                <a:r>
                  <a:rPr lang="en-GB"/>
                  <a:t>Aerodynamic gain is the function of the operating point (wind speed, rotor speed, pitch angle)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GB"/>
                  <a:t>Rotor speed: constant at rated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GB"/>
                  <a:t>Wind speed: hard to measure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GB"/>
                  <a:t>Pitch angle: the best candidate</a:t>
                </a:r>
              </a:p>
              <a:p>
                <a:pPr marL="285750" indent="-285750">
                  <a:buFont typeface="Arial" panose="020B0604020202020204" pitchFamily="34" charset="0"/>
                  <a:buChar char="•"/>
                </a:pPr>
                <a:r>
                  <a:rPr lang="en-GB"/>
                  <a:t>Implementation of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GB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lang="en-GB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en-GB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𝜃</m:t>
                        </m:r>
                      </m:den>
                    </m:f>
                    <m:r>
                      <a:rPr lang="en-GB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GB" dirty="0"/>
                  <a:t>: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GB"/>
                  <a:t>Look-up table: slow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GB"/>
                  <a:t>Approximation as an analytical expression: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endParaRPr lang="en-GB"/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endParaRPr lang="en-GB"/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GB"/>
                  <a:t>Linear fitting can be done by:</a:t>
                </a:r>
              </a:p>
              <a:p>
                <a:pPr marL="1200150" lvl="2" indent="-285750">
                  <a:buFont typeface="Arial" panose="020B0604020202020204" pitchFamily="34" charset="0"/>
                  <a:buChar char="•"/>
                </a:pPr>
                <a:r>
                  <a:rPr lang="en-GB"/>
                  <a:t>least square (See code)</a:t>
                </a:r>
              </a:p>
              <a:p>
                <a:pPr marL="1200150" lvl="2" indent="-285750">
                  <a:buFont typeface="Arial" panose="020B0604020202020204" pitchFamily="34" charset="0"/>
                  <a:buChar char="•"/>
                </a:pPr>
                <a:r>
                  <a:rPr lang="en-GB"/>
                  <a:t>Excel </a:t>
                </a:r>
              </a:p>
              <a:p>
                <a:pPr marL="1200150" lvl="2" indent="-285750">
                  <a:buFont typeface="Arial" panose="020B0604020202020204" pitchFamily="34" charset="0"/>
                  <a:buChar char="•"/>
                </a:pPr>
                <a:r>
                  <a:rPr lang="en-GB"/>
                  <a:t>Polyfit</a:t>
                </a:r>
                <a:endParaRPr lang="en-GB" dirty="0"/>
              </a:p>
            </p:txBody>
          </p:sp>
        </mc:Choice>
        <mc:Fallback xmlns="">
          <p:sp>
            <p:nvSpPr>
              <p:cNvPr id="16" name="Rectangle 15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42143" y="1196752"/>
                <a:ext cx="5917159" cy="5190460"/>
              </a:xfrm>
              <a:prstGeom prst="rect">
                <a:avLst/>
              </a:prstGeom>
              <a:blipFill>
                <a:blip r:embed="rId2"/>
                <a:stretch>
                  <a:fillRect l="-412" t="-352" b="-46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>
            <a:extLst>
              <a:ext uri="{FF2B5EF4-FFF2-40B4-BE49-F238E27FC236}">
                <a16:creationId xmlns:a16="http://schemas.microsoft.com/office/drawing/2014/main" id="{C3309205-A93F-469F-9E69-9F2CF13017E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91350" y="1509410"/>
            <a:ext cx="3897709" cy="2923282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E8CDF0E8-C7DE-4F09-B70A-046432132D08}"/>
                  </a:ext>
                </a:extLst>
              </p:cNvPr>
              <p:cNvSpPr txBox="1"/>
              <p:nvPr/>
            </p:nvSpPr>
            <p:spPr>
              <a:xfrm>
                <a:off x="9755232" y="214932"/>
                <a:ext cx="1475917" cy="396775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7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700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zh-TW" altLang="en-GB" sz="700" i="1">
                              <a:latin typeface="Cambria Math" panose="02040503050406030204" pitchFamily="18" charset="0"/>
                            </a:rPr>
                            <m:t>𝑃</m:t>
                          </m:r>
                        </m:sub>
                      </m:sSub>
                      <m:r>
                        <a:rPr lang="en-GB" altLang="zh-TW" sz="700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sz="7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altLang="zh-TW" sz="700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GB" altLang="zh-TW" sz="7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sz="700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sz="700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sSub>
                            <m:sSubPr>
                              <m:ctrlPr>
                                <a:rPr lang="en-GB" altLang="zh-TW" sz="7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sz="700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sz="700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d>
                            <m:dPr>
                              <m:ctrlPr>
                                <a:rPr lang="en-GB" altLang="zh-TW" sz="700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sz="700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sz="700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r>
                            <a:rPr lang="en-GB" altLang="zh-TW" sz="7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f>
                            <m:fPr>
                              <m:ctrlPr>
                                <a:rPr lang="en-GB" sz="7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GB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GB" sz="7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r>
                            <a:rPr lang="en-GB" altLang="zh-TW" sz="7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altLang="zh-TW" sz="7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altLang="zh-TW" sz="700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altLang="zh-TW" sz="700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f>
                            <m:fPr>
                              <m:ctrlPr>
                                <a:rPr lang="en-GB" sz="7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sSub>
                                <m:sSubPr>
                                  <m:ctrlPr>
                                    <a:rPr lang="en-GB" sz="7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7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𝑄</m:t>
                                  </m:r>
                                </m:e>
                                <m:sub>
                                  <m:r>
                                    <a:rPr lang="en-GB" sz="7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num>
                            <m:den>
                              <m:r>
                                <a:rPr lang="en-GB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GB" sz="7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</m:num>
                        <m:den>
                          <m:r>
                            <a:rPr lang="en-GB" altLang="zh-TW" sz="7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GB" sz="7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GB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7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𝜃</m:t>
                              </m:r>
                            </m:den>
                          </m:f>
                        </m:den>
                      </m:f>
                    </m:oMath>
                  </m:oMathPara>
                </a14:m>
                <a:endParaRPr lang="en-GB" sz="700" i="1" dirty="0" err="1">
                  <a:latin typeface="+mn-lt"/>
                </a:endParaRPr>
              </a:p>
            </p:txBody>
          </p:sp>
        </mc:Choice>
        <mc:Fallback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E8CDF0E8-C7DE-4F09-B70A-046432132D0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755232" y="214932"/>
                <a:ext cx="1475917" cy="396775"/>
              </a:xfrm>
              <a:prstGeom prst="rect">
                <a:avLst/>
              </a:prstGeom>
              <a:blipFill>
                <a:blip r:embed="rId4"/>
                <a:stretch>
                  <a:fillRect l="-826" t="-1538" r="-413" b="-923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1D7C8550-A206-41A4-9D92-796DD83CE9B0}"/>
                  </a:ext>
                </a:extLst>
              </p:cNvPr>
              <p:cNvSpPr txBox="1"/>
              <p:nvPr/>
            </p:nvSpPr>
            <p:spPr>
              <a:xfrm>
                <a:off x="9755232" y="663104"/>
                <a:ext cx="768608" cy="31515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7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700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GB" sz="700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GB" altLang="zh-TW" sz="700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sz="7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Sup>
                            <m:sSubSupPr>
                              <m:ctrlPr>
                                <a:rPr lang="en-GB" altLang="zh-TW" sz="700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zh-TW" altLang="en-GB" sz="700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sz="700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  <m:sup>
                              <m:r>
                                <a:rPr lang="en-GB" altLang="zh-TW" sz="700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d>
                            <m:dPr>
                              <m:ctrlPr>
                                <a:rPr lang="en-GB" altLang="zh-TW" sz="700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sz="700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sz="700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sz="700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GB" altLang="zh-TW" sz="7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GB" sz="7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GB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7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𝜃</m:t>
                              </m:r>
                            </m:den>
                          </m:f>
                        </m:den>
                      </m:f>
                    </m:oMath>
                  </m:oMathPara>
                </a14:m>
                <a:endParaRPr lang="en-GB" sz="700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1D7C8550-A206-41A4-9D92-796DD83CE9B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755232" y="663104"/>
                <a:ext cx="768608" cy="315151"/>
              </a:xfrm>
              <a:prstGeom prst="rect">
                <a:avLst/>
              </a:prstGeom>
              <a:blipFill>
                <a:blip r:embed="rId5"/>
                <a:stretch>
                  <a:fillRect l="-1587" b="-1176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" name="Rectangle 1">
                <a:extLst>
                  <a:ext uri="{FF2B5EF4-FFF2-40B4-BE49-F238E27FC236}">
                    <a16:creationId xmlns:a16="http://schemas.microsoft.com/office/drawing/2014/main" id="{BDD7220F-9A87-429F-9659-7641C581C7FF}"/>
                  </a:ext>
                </a:extLst>
              </p:cNvPr>
              <p:cNvSpPr/>
              <p:nvPr/>
            </p:nvSpPr>
            <p:spPr>
              <a:xfrm>
                <a:off x="2638822" y="4175153"/>
                <a:ext cx="3531244" cy="515077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square">
                <a:spAutoFit/>
              </a:bodyPr>
              <a:lstStyle/>
              <a:p>
                <a:pPr lvl="1"/>
                <a14:m>
                  <m:oMath xmlns:m="http://schemas.openxmlformats.org/officeDocument/2006/math">
                    <m:f>
                      <m:fPr>
                        <m:ctrlPr>
                          <a:rPr lang="en-GB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𝜃</m:t>
                        </m:r>
                      </m:den>
                    </m:f>
                    <m:r>
                      <a:rPr lang="en-GB" i="1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GB" altLang="zh-TW" i="1">
                            <a:solidFill>
                              <a:srgbClr val="836967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GB" altLang="zh-TW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f>
                              <m:fPr>
                                <m:ctrlPr>
                                  <a:rPr lang="en-GB" altLang="zh-TW" i="1">
                                    <a:latin typeface="Cambria Math" panose="02040503050406030204" pitchFamily="18" charset="0"/>
                                  </a:rPr>
                                </m:ctrlPr>
                              </m:fPr>
                              <m:num>
                                <m:r>
                                  <a:rPr lang="zh-TW" altLang="en-GB" i="1">
                                    <a:latin typeface="Cambria Math" panose="02040503050406030204" pitchFamily="18" charset="0"/>
                                  </a:rPr>
                                  <m:t>𝑑𝑄</m:t>
                                </m:r>
                              </m:num>
                              <m:den>
                                <m:r>
                                  <a:rPr lang="zh-TW" altLang="en-GB" i="1">
                                    <a:latin typeface="Cambria Math" panose="02040503050406030204" pitchFamily="18" charset="0"/>
                                  </a:rPr>
                                  <m:t>𝑑</m:t>
                                </m:r>
                                <m:r>
                                  <a:rPr lang="zh-TW" altLang="en-GB" i="1">
                                    <a:latin typeface="Cambria Math" panose="02040503050406030204" pitchFamily="18" charset="0"/>
                                  </a:rPr>
                                  <m:t>𝜃</m:t>
                                </m:r>
                              </m:den>
                            </m:f>
                          </m:e>
                        </m:d>
                      </m:e>
                      <m:sub>
                        <m:r>
                          <a:rPr lang="en-GB" altLang="zh-TW" i="1">
                            <a:latin typeface="Cambria Math" panose="02040503050406030204" pitchFamily="18" charset="0"/>
                          </a:rPr>
                          <m:t>0</m:t>
                        </m:r>
                      </m:sub>
                    </m:sSub>
                    <m:r>
                      <a:rPr lang="en-GB" altLang="zh-TW">
                        <a:latin typeface="Cambria Math" panose="02040503050406030204" pitchFamily="18" charset="0"/>
                      </a:rPr>
                      <m:t>(1+</m:t>
                    </m:r>
                    <m:f>
                      <m:fPr>
                        <m:ctrlPr>
                          <a:rPr lang="en-GB" altLang="zh-TW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𝜃</m:t>
                        </m:r>
                      </m:num>
                      <m:den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𝐾𝐾</m:t>
                        </m:r>
                        <m:r>
                          <a:rPr lang="en-GB" altLang="zh-TW" i="1">
                            <a:latin typeface="Cambria Math" panose="02040503050406030204" pitchFamily="18" charset="0"/>
                          </a:rPr>
                          <m:t>1</m:t>
                        </m:r>
                      </m:den>
                    </m:f>
                    <m:r>
                      <a:rPr lang="en-GB" altLang="zh-TW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GB" altLang="zh-TW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p>
                          <m:sSupPr>
                            <m:ctrlPr>
                              <a:rPr lang="en-GB" altLang="zh-TW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zh-TW" altLang="en-GB" i="1">
                                <a:latin typeface="Cambria Math" panose="02040503050406030204" pitchFamily="18" charset="0"/>
                              </a:rPr>
                              <m:t>𝜃</m:t>
                            </m:r>
                          </m:e>
                          <m:sup>
                            <m:r>
                              <a:rPr lang="en-GB" altLang="zh-TW" i="1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p>
                      </m:num>
                      <m:den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𝐾𝐾</m:t>
                        </m:r>
                        <m:r>
                          <a:rPr lang="en-GB" altLang="zh-TW" i="1">
                            <a:latin typeface="Cambria Math" panose="02040503050406030204" pitchFamily="18" charset="0"/>
                          </a:rPr>
                          <m:t>2</m:t>
                        </m:r>
                      </m:den>
                    </m:f>
                    <m:r>
                      <a:rPr lang="en-GB" altLang="zh-TW" i="1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</a:t>
                </a:r>
              </a:p>
            </p:txBody>
          </p:sp>
        </mc:Choice>
        <mc:Fallback xmlns="">
          <p:sp>
            <p:nvSpPr>
              <p:cNvPr id="2" name="Rectangle 1">
                <a:extLst>
                  <a:ext uri="{FF2B5EF4-FFF2-40B4-BE49-F238E27FC236}">
                    <a16:creationId xmlns:a16="http://schemas.microsoft.com/office/drawing/2014/main" id="{BDD7220F-9A87-429F-9659-7641C581C7F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638822" y="4175153"/>
                <a:ext cx="3531244" cy="515077"/>
              </a:xfrm>
              <a:prstGeom prst="rect">
                <a:avLst/>
              </a:prstGeom>
              <a:blipFill>
                <a:blip r:embed="rId6"/>
                <a:stretch>
                  <a:fillRect t="-135227" b="-20340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920B5909-039C-43EC-B693-C38BA75E80E2}"/>
                  </a:ext>
                </a:extLst>
              </p:cNvPr>
              <p:cNvSpPr/>
              <p:nvPr/>
            </p:nvSpPr>
            <p:spPr>
              <a:xfrm>
                <a:off x="6311230" y="4717544"/>
                <a:ext cx="4807726" cy="515526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zh-TW" altLang="en-GB" sz="1100" i="1" smtClean="0">
                        <a:latin typeface="Cambria Math" panose="02040503050406030204" pitchFamily="18" charset="0"/>
                      </a:rPr>
                      <m:t>𝐾𝐾</m:t>
                    </m:r>
                    <m:r>
                      <a:rPr lang="en-GB" altLang="zh-TW" sz="1100" i="1">
                        <a:latin typeface="Cambria Math" panose="02040503050406030204" pitchFamily="18" charset="0"/>
                      </a:rPr>
                      <m:t>1</m:t>
                    </m:r>
                  </m:oMath>
                </a14:m>
                <a:r>
                  <a:rPr lang="en-GB" sz="1100" dirty="0"/>
                  <a:t>:Coefficient of linear term in aerodynamic gain scheduling [</a:t>
                </a:r>
                <a:r>
                  <a:rPr lang="en-GB" sz="1100" dirty="0" err="1"/>
                  <a:t>deg</a:t>
                </a:r>
                <a:r>
                  <a:rPr lang="en-GB" sz="1100" dirty="0"/>
                  <a:t>]</a:t>
                </a:r>
              </a:p>
              <a:p>
                <a14:m>
                  <m:oMath xmlns:m="http://schemas.openxmlformats.org/officeDocument/2006/math">
                    <m:r>
                      <a:rPr lang="zh-TW" altLang="en-GB" sz="1100" i="1">
                        <a:latin typeface="Cambria Math" panose="02040503050406030204" pitchFamily="18" charset="0"/>
                      </a:rPr>
                      <m:t>𝐾𝐾</m:t>
                    </m:r>
                    <m:r>
                      <a:rPr lang="en-GB" altLang="zh-TW" sz="1100" i="1">
                        <a:latin typeface="Cambria Math" panose="02040503050406030204" pitchFamily="18" charset="0"/>
                      </a:rPr>
                      <m:t>2</m:t>
                    </m:r>
                  </m:oMath>
                </a14:m>
                <a:r>
                  <a:rPr lang="en-GB" sz="1100" dirty="0"/>
                  <a:t>: Coefficient of quadratic term in aerodynamic gain scheduling [deg^2]</a:t>
                </a:r>
              </a:p>
            </p:txBody>
          </p:sp>
        </mc:Choice>
        <mc:Fallback xmlns="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920B5909-039C-43EC-B693-C38BA75E80E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311230" y="4717544"/>
                <a:ext cx="4807726" cy="515526"/>
              </a:xfrm>
              <a:prstGeom prst="rect">
                <a:avLst/>
              </a:prstGeom>
              <a:blipFill>
                <a:blip r:embed="rId7"/>
                <a:stretch>
                  <a:fillRect b="-568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608797320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A16252-C9AE-4822-A79B-900F3845AF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3: Gain-scheduling exercis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81FF8B7-A6DB-425F-BC7D-E760B80737D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Now, let’s derive the aerodynamic gain from a Cp tabl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79C20B-C0CB-4D3A-8CF3-172658F9063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ktangel 11">
                <a:extLst>
                  <a:ext uri="{FF2B5EF4-FFF2-40B4-BE49-F238E27FC236}">
                    <a16:creationId xmlns:a16="http://schemas.microsoft.com/office/drawing/2014/main" id="{008A611E-182C-4FC6-82A8-E14D3A3C2A2B}"/>
                  </a:ext>
                </a:extLst>
              </p:cNvPr>
              <p:cNvSpPr/>
              <p:nvPr/>
            </p:nvSpPr>
            <p:spPr bwMode="auto">
              <a:xfrm>
                <a:off x="1057385" y="3645024"/>
                <a:ext cx="10656388" cy="1677415"/>
              </a:xfrm>
              <a:prstGeom prst="rect">
                <a:avLst/>
              </a:prstGeom>
              <a:solidFill>
                <a:schemeClr val="accent1"/>
              </a:solidFill>
              <a:ln>
                <a:headEnd type="none" w="med" len="med"/>
                <a:tailEnd type="none" w="med" len="med"/>
              </a:ln>
            </p:spPr>
            <p:style>
              <a:lnRef idx="3">
                <a:schemeClr val="lt1"/>
              </a:lnRef>
              <a:fillRef idx="1">
                <a:schemeClr val="accent5"/>
              </a:fillRef>
              <a:effectRef idx="1">
                <a:schemeClr val="accent5"/>
              </a:effectRef>
              <a:fontRef idx="minor">
                <a:schemeClr val="lt1"/>
              </a:fontRef>
            </p:style>
            <p:txBody>
              <a:bodyPr vert="horz" wrap="square" lIns="144000" tIns="144000" rIns="144000" bIns="108000" numCol="1" rtlCol="0" anchor="t" anchorCtr="0" compatLnSpc="1">
                <a:prstTxWarp prst="textNoShape">
                  <a:avLst/>
                </a:prstTxWarp>
                <a:spAutoFit/>
              </a:bodyPr>
              <a:lstStyle/>
              <a:p>
                <a:pPr>
                  <a:spcBef>
                    <a:spcPts val="1800"/>
                  </a:spcBef>
                </a:pP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xercise: Regin 3 </a:t>
                </a:r>
                <a:r>
                  <a:rPr lang="en-GB" sz="20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Ki and Gain-scheduling</a:t>
                </a:r>
                <a:endParaRPr kumimoji="0" lang="en-GB" sz="20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Run Part_5.m, that performs a step wind case and output the turbine parameter ‘turbine’ and aerodynamic</a:t>
                </a:r>
                <a:r>
                  <a:rPr kumimoji="0" lang="en-GB" sz="18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gain</a:t>
                </a: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fPr>
                      <m:num>
                        <m: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en-GB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𝜃</m:t>
                        </m:r>
                      </m:den>
                    </m:f>
                    <m:sSub>
                      <m:sSubPr>
                        <m:ctrlP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GB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GB">
                                <a:latin typeface="Cambria Math" panose="02040503050406030204" pitchFamily="18" charset="0"/>
                              </a:rPr>
                              <m:t>​</m:t>
                            </m:r>
                          </m:e>
                        </m:d>
                      </m:e>
                      <m:sub>
                        <m:r>
                          <a:rPr lang="en-GB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.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lan will go through the code</a:t>
                </a:r>
                <a:endParaRPr kumimoji="0" lang="en-GB" sz="18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</p:txBody>
          </p:sp>
        </mc:Choice>
        <mc:Fallback xmlns="">
          <p:sp>
            <p:nvSpPr>
              <p:cNvPr id="5" name="Rektangel 11">
                <a:extLst>
                  <a:ext uri="{FF2B5EF4-FFF2-40B4-BE49-F238E27FC236}">
                    <a16:creationId xmlns:a16="http://schemas.microsoft.com/office/drawing/2014/main" id="{008A611E-182C-4FC6-82A8-E14D3A3C2A2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1057385" y="3645024"/>
                <a:ext cx="10656388" cy="1677415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416168423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B61E20B-62A7-4EBC-9795-87F7BBF77F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3: Gain-scheduling exercis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23036C2-C1B9-4FBE-8B62-7543B9D7123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6010151" cy="4545578"/>
          </a:xfrm>
        </p:spPr>
        <p:txBody>
          <a:bodyPr/>
          <a:lstStyle/>
          <a:p>
            <a:r>
              <a:rPr lang="en-GB" dirty="0"/>
              <a:t>Now you have the aerodynamic gain and turbine parameter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F170E6C-EE91-4C34-ACF6-53745CF48E9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ktangel 11">
                <a:extLst>
                  <a:ext uri="{FF2B5EF4-FFF2-40B4-BE49-F238E27FC236}">
                    <a16:creationId xmlns:a16="http://schemas.microsoft.com/office/drawing/2014/main" id="{BA80A2B1-37C4-4B19-891D-2FC08F20BF70}"/>
                  </a:ext>
                </a:extLst>
              </p:cNvPr>
              <p:cNvSpPr/>
              <p:nvPr/>
            </p:nvSpPr>
            <p:spPr bwMode="auto">
              <a:xfrm>
                <a:off x="910630" y="3686781"/>
                <a:ext cx="10656388" cy="2411526"/>
              </a:xfrm>
              <a:prstGeom prst="rect">
                <a:avLst/>
              </a:prstGeom>
              <a:solidFill>
                <a:schemeClr val="accent1"/>
              </a:solidFill>
              <a:ln>
                <a:headEnd type="none" w="med" len="med"/>
                <a:tailEnd type="none" w="med" len="med"/>
              </a:ln>
            </p:spPr>
            <p:style>
              <a:lnRef idx="3">
                <a:schemeClr val="lt1"/>
              </a:lnRef>
              <a:fillRef idx="1">
                <a:schemeClr val="accent5"/>
              </a:fillRef>
              <a:effectRef idx="1">
                <a:schemeClr val="accent5"/>
              </a:effectRef>
              <a:fontRef idx="minor">
                <a:schemeClr val="lt1"/>
              </a:fontRef>
            </p:style>
            <p:txBody>
              <a:bodyPr vert="horz" wrap="square" lIns="144000" tIns="144000" rIns="144000" bIns="108000" numCol="1" rtlCol="0" anchor="t" anchorCtr="0" compatLnSpc="1">
                <a:prstTxWarp prst="textNoShape">
                  <a:avLst/>
                </a:prstTxWarp>
                <a:spAutoFit/>
              </a:bodyPr>
              <a:lstStyle/>
              <a:p>
                <a:pPr>
                  <a:spcBef>
                    <a:spcPts val="1800"/>
                  </a:spcBef>
                </a:pPr>
                <a:r>
                  <a:rPr lang="en-GB" sz="12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xercise: Regin 3 </a:t>
                </a:r>
                <a:r>
                  <a:rPr lang="en-GB" sz="12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lang="en-GB" sz="12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Ki and Gain-scheduling</a:t>
                </a:r>
                <a:endParaRPr kumimoji="0" lang="en-GB" sz="12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1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Calculate two set of </a:t>
                </a:r>
                <a:r>
                  <a:rPr kumimoji="0" lang="en-GB" sz="11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Kp,Ki</a:t>
                </a:r>
                <a:r>
                  <a:rPr kumimoji="0" lang="en-GB" sz="11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for </a:t>
                </a:r>
                <a:r>
                  <a:rPr kumimoji="0" lang="en-GB" sz="1100" b="1" i="0" u="sng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constant torque </a:t>
                </a:r>
                <a:r>
                  <a:rPr kumimoji="0" lang="en-GB" sz="11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:r>
                  <a:rPr kumimoji="0" lang="en-GB" sz="1100" b="1" i="0" u="sng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constant power</a:t>
                </a:r>
                <a:r>
                  <a:rPr kumimoji="0" lang="en-GB" sz="1100" i="0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kumimoji="0" lang="en-GB" sz="1100" i="0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given</a:t>
                </a:r>
                <a:r>
                  <a:rPr kumimoji="0" lang="en-GB" sz="11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tha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kumimoji="0" lang="en-GB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kumimoji="0" lang="en-GB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r>
                          <m:rPr>
                            <m:sty m:val="p"/>
                          </m:rPr>
                          <a:rPr kumimoji="0" lang="en-GB" sz="1100" b="0" i="0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Ω</m:t>
                        </m:r>
                      </m:sub>
                    </m:sSub>
                    <m:r>
                      <a:rPr kumimoji="0" lang="en-GB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05</m:t>
                    </m:r>
                    <m:r>
                      <a:rPr kumimoji="0" lang="en-GB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×2</m:t>
                    </m:r>
                    <m:r>
                      <a:rPr kumimoji="0" lang="en-GB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𝜋</m:t>
                    </m:r>
                    <m:r>
                      <a:rPr kumimoji="0" lang="en-GB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kumimoji="0" lang="en-GB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kumimoji="0" lang="en-GB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r>
                          <m:rPr>
                            <m:sty m:val="p"/>
                          </m:rPr>
                          <a:rPr kumimoji="0" lang="en-GB" sz="1100" b="0" i="0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Ω</m:t>
                        </m:r>
                      </m:sub>
                    </m:sSub>
                    <m:r>
                      <a:rPr kumimoji="0" lang="en-GB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7, </m:t>
                    </m:r>
                    <m:f>
                      <m:fPr>
                        <m:ctrlPr>
                          <a:rPr kumimoji="0" lang="en-GB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fPr>
                      <m:num>
                        <m:r>
                          <a:rPr kumimoji="0" lang="en-GB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kumimoji="0" lang="en-GB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kumimoji="0" lang="en-GB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kumimoji="0" lang="en-GB" sz="1100" b="0" i="0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kumimoji="0" lang="en-GB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=0</m:t>
                    </m:r>
                  </m:oMath>
                </a14:m>
                <a:r>
                  <a:rPr kumimoji="0" lang="en-GB" sz="11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. Remember that the unit for </a:t>
                </a:r>
                <a:r>
                  <a:rPr kumimoji="0" lang="en-GB" sz="1100" b="0" i="0" u="none" strike="noStrike" cap="none" normalizeH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kumimoji="0" lang="en-GB" sz="11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and Ki are in rad/(rad/s) and rad/rad.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1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Enter your values in Part_5b.m</a:t>
                </a:r>
              </a:p>
              <a:p>
                <a:pPr marL="971550" lvl="1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1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lang="en-GB" sz="11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Ki for constant torque at line 38 and 39</a:t>
                </a:r>
              </a:p>
              <a:p>
                <a:pPr marL="971550" lvl="1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1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KK1 and KK2 at line 51 and 52</a:t>
                </a:r>
              </a:p>
              <a:p>
                <a:pPr marL="971550" lvl="1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1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lang="en-GB" sz="11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Ki for constant power at line 59 and 60</a:t>
                </a:r>
                <a:endParaRPr kumimoji="0" lang="en-GB" sz="1100" b="0" i="0" u="none" strike="noStrike" cap="none" normalizeH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1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The code will perform three simulations (1) Constant torque without gain-scheduling (2) Constant torque (3) Constant power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100" baseline="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What did you see? What is the trade-off between Const</a:t>
                </a:r>
                <a:r>
                  <a:rPr lang="en-GB" sz="11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nt Torque and Constant Power?</a:t>
                </a:r>
                <a:endParaRPr kumimoji="0" lang="en-GB" sz="11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</p:txBody>
          </p:sp>
        </mc:Choice>
        <mc:Fallback xmlns="">
          <p:sp>
            <p:nvSpPr>
              <p:cNvPr id="5" name="Rektangel 11">
                <a:extLst>
                  <a:ext uri="{FF2B5EF4-FFF2-40B4-BE49-F238E27FC236}">
                    <a16:creationId xmlns:a16="http://schemas.microsoft.com/office/drawing/2014/main" id="{BA80A2B1-37C4-4B19-891D-2FC08F20BF70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910630" y="3686781"/>
                <a:ext cx="10656388" cy="2411526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0934518E-FB8A-4E5D-96EF-A25A2622879B}"/>
                  </a:ext>
                </a:extLst>
              </p:cNvPr>
              <p:cNvSpPr txBox="1"/>
              <p:nvPr/>
            </p:nvSpPr>
            <p:spPr>
              <a:xfrm>
                <a:off x="7784951" y="1398843"/>
                <a:ext cx="3744871" cy="108940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zh-TW" altLang="en-GB" i="1">
                              <a:latin typeface="Cambria Math" panose="02040503050406030204" pitchFamily="18" charset="0"/>
                            </a:rPr>
                            <m:t>𝑃</m:t>
                          </m:r>
                        </m:sub>
                      </m:sSub>
                      <m:r>
                        <a:rPr lang="en-GB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altLang="zh-TW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sSub>
                            <m:sSub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d>
                            <m:dPr>
                              <m:ctrlPr>
                                <a:rPr lang="en-GB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en-GB" altLang="zh-TW" b="0" i="1" smtClean="0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GB" altLang="zh-TW" b="0" i="0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 −</m:t>
                          </m:r>
                          <m:f>
                            <m:f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sSub>
                                        <m:sSubPr>
                                          <m:ctrlPr>
                                            <a:rPr lang="en-GB" altLang="zh-TW" b="0" i="1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zh-TW" altLang="en-GB" i="1">
                                              <a:latin typeface="Cambria Math" panose="02040503050406030204" pitchFamily="18" charset="0"/>
                                            </a:rPr>
                                            <m:t>𝑄</m:t>
                                          </m:r>
                                        </m:e>
                                        <m:sub>
                                          <m:r>
                                            <a:rPr lang="zh-TW" altLang="en-GB" b="0" i="1" smtClean="0">
                                              <a:latin typeface="Cambria Math" panose="02040503050406030204" pitchFamily="18" charset="0"/>
                                            </a:rPr>
                                            <m:t>𝑔</m:t>
                                          </m:r>
                                        </m:sub>
                                      </m:sSub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GB" altLang="zh-TW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num>
                        <m:den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𝑑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  <m:r>
                                        <a:rPr lang="zh-TW" altLang="en-GB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0934518E-FB8A-4E5D-96EF-A25A2622879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784951" y="1398843"/>
                <a:ext cx="3744871" cy="1089401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7B81A176-4050-4959-BAB7-E9F6D18DAA5C}"/>
                  </a:ext>
                </a:extLst>
              </p:cNvPr>
              <p:cNvSpPr txBox="1"/>
              <p:nvPr/>
            </p:nvSpPr>
            <p:spPr>
              <a:xfrm>
                <a:off x="8975526" y="2637708"/>
                <a:ext cx="1758237" cy="79182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GB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Sup>
                            <m:sSubSup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  <m:sup>
                              <m: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d>
                            <m:dPr>
                              <m:ctrlPr>
                                <a:rPr lang="en-GB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7B81A176-4050-4959-BAB7-E9F6D18DAA5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975526" y="2637708"/>
                <a:ext cx="1758237" cy="791820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8" name="Rectangle 7">
            <a:extLst>
              <a:ext uri="{FF2B5EF4-FFF2-40B4-BE49-F238E27FC236}">
                <a16:creationId xmlns:a16="http://schemas.microsoft.com/office/drawing/2014/main" id="{D461359A-2369-4A0A-8BC6-D19B1A65C0D6}"/>
              </a:ext>
            </a:extLst>
          </p:cNvPr>
          <p:cNvSpPr/>
          <p:nvPr/>
        </p:nvSpPr>
        <p:spPr>
          <a:xfrm>
            <a:off x="1783186" y="2425007"/>
            <a:ext cx="4026921" cy="110799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2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turbine.J</a:t>
            </a:r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: 1.5710e+08</a:t>
            </a:r>
          </a:p>
          <a:p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turbine. Prated: 10000000</a:t>
            </a:r>
          </a:p>
          <a:p>
            <a:r>
              <a:rPr lang="en-GB" sz="12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controller.ratedOmega</a:t>
            </a:r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: 1.0050</a:t>
            </a:r>
          </a:p>
          <a:p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dQdtheta0: -2.4006e+05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4AE745D-3CB0-42AB-87C2-9C664F6027FA}"/>
              </a:ext>
            </a:extLst>
          </p:cNvPr>
          <p:cNvSpPr/>
          <p:nvPr/>
        </p:nvSpPr>
        <p:spPr>
          <a:xfrm>
            <a:off x="4779875" y="2352964"/>
            <a:ext cx="4026921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KK1: 1.9835</a:t>
            </a:r>
          </a:p>
          <a:p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KK2: 128.8205</a:t>
            </a:r>
          </a:p>
        </p:txBody>
      </p:sp>
    </p:spTree>
    <p:extLst>
      <p:ext uri="{BB962C8B-B14F-4D97-AF65-F5344CB8AC3E}">
        <p14:creationId xmlns:p14="http://schemas.microsoft.com/office/powerpoint/2010/main" val="1994545103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567417-D31C-444A-8A41-F45318A4C60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3: Answe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0E6A380-1B64-4297-B31D-CD6385F9D52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9</a:t>
            </a:fld>
            <a:endParaRPr lang="en-GB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D4E8EC8B-C2F0-4351-91FE-640CEA1B3D18}"/>
              </a:ext>
            </a:extLst>
          </p:cNvPr>
          <p:cNvSpPr/>
          <p:nvPr/>
        </p:nvSpPr>
        <p:spPr>
          <a:xfrm>
            <a:off x="6743278" y="373876"/>
            <a:ext cx="2160240" cy="107721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dirty="0"/>
              <a:t>Constant Torque</a:t>
            </a:r>
          </a:p>
          <a:p>
            <a:r>
              <a:rPr lang="en-GB" dirty="0"/>
              <a:t>Kp3 = 5.0235</a:t>
            </a:r>
          </a:p>
          <a:p>
            <a:r>
              <a:rPr lang="en-GB" dirty="0"/>
              <a:t>Ki3 = 1.1273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1F39020-35FA-417A-B989-BE220BFF654C}"/>
              </a:ext>
            </a:extLst>
          </p:cNvPr>
          <p:cNvSpPr/>
          <p:nvPr/>
        </p:nvSpPr>
        <p:spPr>
          <a:xfrm>
            <a:off x="9286900" y="373876"/>
            <a:ext cx="3600400" cy="107721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dirty="0"/>
              <a:t>Constant Power</a:t>
            </a:r>
          </a:p>
          <a:p>
            <a:r>
              <a:rPr lang="en-GB" dirty="0"/>
              <a:t>Kp3 =  5.7433</a:t>
            </a:r>
          </a:p>
          <a:p>
            <a:r>
              <a:rPr lang="en-GB" dirty="0"/>
              <a:t>Ki3 = 1.1273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86298B7-8FED-4AB7-9825-3C9E7AC86FE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78582" y="1396933"/>
            <a:ext cx="4625741" cy="501317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B7E301C5-034A-47E7-8452-6483D2DA573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22540" y="1296168"/>
            <a:ext cx="4946143" cy="535465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FE700354-F746-48CC-9DB8-84C7B1DA3163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47511" t="50422" r="7021" b="-422"/>
          <a:stretch/>
        </p:blipFill>
        <p:spPr>
          <a:xfrm>
            <a:off x="9591915" y="3657336"/>
            <a:ext cx="2374469" cy="2826788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282824293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5" name="Content Placeholder 1"/>
          <p:cNvSpPr>
            <a:spLocks noGrp="1"/>
          </p:cNvSpPr>
          <p:nvPr>
            <p:ph idx="1"/>
          </p:nvPr>
        </p:nvSpPr>
        <p:spPr>
          <a:xfrm>
            <a:off x="828591" y="1772816"/>
            <a:ext cx="10092530" cy="3888432"/>
          </a:xfrm>
        </p:spPr>
        <p:txBody>
          <a:bodyPr/>
          <a:lstStyle/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Three operational regions.</a:t>
            </a:r>
          </a:p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Region 2 Controller:</a:t>
            </a:r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Transient analysis:</a:t>
            </a:r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</p:txBody>
      </p:sp>
      <p:sp>
        <p:nvSpPr>
          <p:cNvPr id="6" name="Title 2"/>
          <p:cNvSpPr>
            <a:spLocks noGrp="1"/>
          </p:cNvSpPr>
          <p:nvPr>
            <p:ph type="title"/>
          </p:nvPr>
        </p:nvSpPr>
        <p:spPr>
          <a:xfrm>
            <a:off x="828591" y="260648"/>
            <a:ext cx="10110541" cy="926976"/>
          </a:xfrm>
        </p:spPr>
        <p:txBody>
          <a:bodyPr/>
          <a:lstStyle/>
          <a:p>
            <a:r>
              <a:rPr lang="en-GB" dirty="0"/>
              <a:t>Re-cap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9EBD6A6-76AB-47A7-9FAA-E732B21A7728}"/>
              </a:ext>
            </a:extLst>
          </p:cNvPr>
          <p:cNvGrpSpPr/>
          <p:nvPr/>
        </p:nvGrpSpPr>
        <p:grpSpPr>
          <a:xfrm>
            <a:off x="6656348" y="-133925"/>
            <a:ext cx="4788772" cy="3420301"/>
            <a:chOff x="6114409" y="863473"/>
            <a:chExt cx="6496857" cy="4417295"/>
          </a:xfrm>
        </p:grpSpPr>
        <p:pic>
          <p:nvPicPr>
            <p:cNvPr id="8" name="Picture 2">
              <a:extLst>
                <a:ext uri="{FF2B5EF4-FFF2-40B4-BE49-F238E27FC236}">
                  <a16:creationId xmlns:a16="http://schemas.microsoft.com/office/drawing/2014/main" id="{09EE5FD1-6B8B-4207-9B1B-636F01550688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 cstate="print"/>
            <a:srcRect/>
            <a:stretch>
              <a:fillRect/>
            </a:stretch>
          </p:blipFill>
          <p:spPr bwMode="auto">
            <a:xfrm>
              <a:off x="6114409" y="863473"/>
              <a:ext cx="6496857" cy="4417295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160258F1-1E35-4F6A-B10D-ED64A3D5E3BB}"/>
                </a:ext>
              </a:extLst>
            </p:cNvPr>
            <p:cNvSpPr/>
            <p:nvPr/>
          </p:nvSpPr>
          <p:spPr bwMode="auto">
            <a:xfrm>
              <a:off x="8663466" y="1371134"/>
              <a:ext cx="548380" cy="3403210"/>
            </a:xfrm>
            <a:prstGeom prst="rect">
              <a:avLst/>
            </a:prstGeom>
            <a:solidFill>
              <a:schemeClr val="bg1">
                <a:lumMod val="65000"/>
                <a:alpha val="14902"/>
              </a:scheme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vert270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             Region 2.5</a:t>
              </a:r>
              <a:endParaRPr lang="en-GB" dirty="0"/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8C2E04B-EADE-4601-B881-0AFBE9F2E053}"/>
                </a:ext>
              </a:extLst>
            </p:cNvPr>
            <p:cNvSpPr/>
            <p:nvPr/>
          </p:nvSpPr>
          <p:spPr bwMode="auto">
            <a:xfrm>
              <a:off x="6952760" y="2047029"/>
              <a:ext cx="1717848" cy="2732987"/>
            </a:xfrm>
            <a:prstGeom prst="rect">
              <a:avLst/>
            </a:prstGeom>
            <a:solidFill>
              <a:srgbClr val="0070C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2</a:t>
              </a:r>
              <a:endParaRPr lang="en-GB" dirty="0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C66338FE-8AF5-4C3A-8A79-04FFA9D4C1CC}"/>
                </a:ext>
              </a:extLst>
            </p:cNvPr>
            <p:cNvSpPr/>
            <p:nvPr/>
          </p:nvSpPr>
          <p:spPr bwMode="auto">
            <a:xfrm>
              <a:off x="9210352" y="1384963"/>
              <a:ext cx="2765174" cy="3392650"/>
            </a:xfrm>
            <a:prstGeom prst="rect">
              <a:avLst/>
            </a:prstGeom>
            <a:solidFill>
              <a:srgbClr val="00B05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3</a:t>
              </a:r>
              <a:endParaRPr lang="en-GB" dirty="0"/>
            </a:p>
          </p:txBody>
        </p:sp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41D5A2CE-8F6F-4ECD-A45D-8A647B686A76}"/>
              </a:ext>
            </a:extLst>
          </p:cNvPr>
          <p:cNvGrpSpPr/>
          <p:nvPr/>
        </p:nvGrpSpPr>
        <p:grpSpPr>
          <a:xfrm>
            <a:off x="6476164" y="3274103"/>
            <a:ext cx="5669543" cy="3160452"/>
            <a:chOff x="1" y="1768683"/>
            <a:chExt cx="7648361" cy="4612645"/>
          </a:xfrm>
        </p:grpSpPr>
        <p:pic>
          <p:nvPicPr>
            <p:cNvPr id="21" name="Pladsholder til indhold 6">
              <a:extLst>
                <a:ext uri="{FF2B5EF4-FFF2-40B4-BE49-F238E27FC236}">
                  <a16:creationId xmlns:a16="http://schemas.microsoft.com/office/drawing/2014/main" id="{DD407EF0-8280-4E33-BE08-5F9637C00C33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 bwMode="auto">
            <a:xfrm>
              <a:off x="1" y="1920496"/>
              <a:ext cx="7648361" cy="4460832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2" name="Tekstboks 2">
                  <a:extLst>
                    <a:ext uri="{FF2B5EF4-FFF2-40B4-BE49-F238E27FC236}">
                      <a16:creationId xmlns:a16="http://schemas.microsoft.com/office/drawing/2014/main" id="{355770C3-18BF-4DFA-AEC6-32C06F86093A}"/>
                    </a:ext>
                  </a:extLst>
                </p:cNvPr>
                <p:cNvSpPr txBox="1"/>
                <p:nvPr/>
              </p:nvSpPr>
              <p:spPr>
                <a:xfrm rot="19880038">
                  <a:off x="982688" y="5235635"/>
                  <a:ext cx="446254" cy="379479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squar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𝜽</m:t>
                            </m:r>
                          </m:e>
                          <m:sub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10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 xmlns="">
            <p:sp>
              <p:nvSpPr>
                <p:cNvPr id="22" name="Tekstboks 2">
                  <a:extLst>
                    <a:ext uri="{FF2B5EF4-FFF2-40B4-BE49-F238E27FC236}">
                      <a16:creationId xmlns:a16="http://schemas.microsoft.com/office/drawing/2014/main" id="{355770C3-18BF-4DFA-AEC6-32C06F86093A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19880038">
                  <a:off x="982688" y="5235635"/>
                  <a:ext cx="446254" cy="379479"/>
                </a:xfrm>
                <a:prstGeom prst="rect">
                  <a:avLst/>
                </a:prstGeom>
                <a:blipFill>
                  <a:blip r:embed="rId4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3" name="Tekstboks 4">
                  <a:extLst>
                    <a:ext uri="{FF2B5EF4-FFF2-40B4-BE49-F238E27FC236}">
                      <a16:creationId xmlns:a16="http://schemas.microsoft.com/office/drawing/2014/main" id="{D9577B96-67C4-40DB-AED4-D0D7A3EC21B9}"/>
                    </a:ext>
                  </a:extLst>
                </p:cNvPr>
                <p:cNvSpPr txBox="1"/>
                <p:nvPr/>
              </p:nvSpPr>
              <p:spPr>
                <a:xfrm rot="887170">
                  <a:off x="6013094" y="5030785"/>
                  <a:ext cx="579065" cy="379479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squar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𝝀</m:t>
                            </m:r>
                          </m:e>
                          <m:sub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10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 xmlns="">
            <p:sp>
              <p:nvSpPr>
                <p:cNvPr id="23" name="Tekstboks 4">
                  <a:extLst>
                    <a:ext uri="{FF2B5EF4-FFF2-40B4-BE49-F238E27FC236}">
                      <a16:creationId xmlns:a16="http://schemas.microsoft.com/office/drawing/2014/main" id="{D9577B96-67C4-40DB-AED4-D0D7A3EC21B9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887170">
                  <a:off x="6013094" y="5030785"/>
                  <a:ext cx="579065" cy="379479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4" name="Tekstboks 3">
              <a:extLst>
                <a:ext uri="{FF2B5EF4-FFF2-40B4-BE49-F238E27FC236}">
                  <a16:creationId xmlns:a16="http://schemas.microsoft.com/office/drawing/2014/main" id="{F4B50730-F1AB-4722-A7BA-894E77259C31}"/>
                </a:ext>
              </a:extLst>
            </p:cNvPr>
            <p:cNvSpPr txBox="1"/>
            <p:nvPr/>
          </p:nvSpPr>
          <p:spPr>
            <a:xfrm>
              <a:off x="3448918" y="1768683"/>
              <a:ext cx="94448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2</a:t>
              </a:r>
            </a:p>
          </p:txBody>
        </p:sp>
        <p:sp>
          <p:nvSpPr>
            <p:cNvPr id="25" name="Tekstboks 7">
              <a:extLst>
                <a:ext uri="{FF2B5EF4-FFF2-40B4-BE49-F238E27FC236}">
                  <a16:creationId xmlns:a16="http://schemas.microsoft.com/office/drawing/2014/main" id="{71638E71-4145-4BB8-95BF-BAB336A402E9}"/>
                </a:ext>
              </a:extLst>
            </p:cNvPr>
            <p:cNvSpPr txBox="1"/>
            <p:nvPr/>
          </p:nvSpPr>
          <p:spPr>
            <a:xfrm>
              <a:off x="1420854" y="2213636"/>
              <a:ext cx="110959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2.5</a:t>
              </a:r>
            </a:p>
          </p:txBody>
        </p:sp>
        <p:sp>
          <p:nvSpPr>
            <p:cNvPr id="26" name="Tekstboks 8">
              <a:extLst>
                <a:ext uri="{FF2B5EF4-FFF2-40B4-BE49-F238E27FC236}">
                  <a16:creationId xmlns:a16="http://schemas.microsoft.com/office/drawing/2014/main" id="{363ED543-A77D-42F3-9C95-A9D6D3FC3786}"/>
                </a:ext>
              </a:extLst>
            </p:cNvPr>
            <p:cNvSpPr txBox="1"/>
            <p:nvPr/>
          </p:nvSpPr>
          <p:spPr>
            <a:xfrm>
              <a:off x="3894756" y="4017754"/>
              <a:ext cx="94448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3</a:t>
              </a:r>
            </a:p>
          </p:txBody>
        </p:sp>
        <p:sp>
          <p:nvSpPr>
            <p:cNvPr id="27" name="Ellipse 5">
              <a:extLst>
                <a:ext uri="{FF2B5EF4-FFF2-40B4-BE49-F238E27FC236}">
                  <a16:creationId xmlns:a16="http://schemas.microsoft.com/office/drawing/2014/main" id="{C076075E-4C81-4A69-B0A8-18F802C494A1}"/>
                </a:ext>
              </a:extLst>
            </p:cNvPr>
            <p:cNvSpPr/>
            <p:nvPr/>
          </p:nvSpPr>
          <p:spPr bwMode="auto">
            <a:xfrm>
              <a:off x="3112824" y="2105636"/>
              <a:ext cx="108000" cy="108000"/>
            </a:xfrm>
            <a:prstGeom prst="ellipse">
              <a:avLst/>
            </a:prstGeom>
            <a:solidFill>
              <a:srgbClr val="0000FF"/>
            </a:solidFill>
            <a:ln w="9525" cap="flat" cmpd="sng" algn="ctr">
              <a:solidFill>
                <a:srgbClr val="0000FF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1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02E52FAD-D137-4CCD-B2EC-DB7277233342}"/>
                </a:ext>
              </a:extLst>
            </p:cNvPr>
            <p:cNvSpPr txBox="1"/>
            <p:nvPr/>
          </p:nvSpPr>
          <p:spPr>
            <a:xfrm>
              <a:off x="204892" y="3790865"/>
              <a:ext cx="181140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sz="1100" dirty="0">
                  <a:latin typeface="+mn-lt"/>
                </a:rPr>
                <a:t>Cp</a:t>
              </a: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82E90C57-5AD8-46EF-90A9-ED22147E2593}"/>
                  </a:ext>
                </a:extLst>
              </p:cNvPr>
              <p:cNvSpPr txBox="1"/>
              <p:nvPr/>
            </p:nvSpPr>
            <p:spPr>
              <a:xfrm>
                <a:off x="1051802" y="4150440"/>
                <a:ext cx="1120756" cy="394210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=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GB" sz="18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82E90C57-5AD8-46EF-90A9-ED22147E259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51802" y="4150440"/>
                <a:ext cx="1120756" cy="394210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1" name="Tekstboks 2">
                <a:extLst>
                  <a:ext uri="{FF2B5EF4-FFF2-40B4-BE49-F238E27FC236}">
                    <a16:creationId xmlns:a16="http://schemas.microsoft.com/office/drawing/2014/main" id="{5DA4EFDA-B7D2-4578-BDE5-FCD19A32E05C}"/>
                  </a:ext>
                </a:extLst>
              </p:cNvPr>
              <p:cNvSpPr txBox="1"/>
              <p:nvPr/>
            </p:nvSpPr>
            <p:spPr>
              <a:xfrm>
                <a:off x="794323" y="3192540"/>
                <a:ext cx="4366965" cy="781752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  <m:r>
                        <a:rPr lang="en-GB" sz="1800" b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𝜼𝝆𝝅</m:t>
                          </m:r>
                          <m:sSup>
                            <m:sSup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𝑹</m:t>
                              </m:r>
                            </m:e>
                            <m:sup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𝟓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𝑪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𝒑</m:t>
                              </m:r>
                            </m:sub>
                          </m:sSub>
                          <m:d>
                            <m:d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𝝀</m:t>
                                  </m:r>
                                </m:e>
                                <m:sub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𝒐𝒑𝒕</m:t>
                                  </m:r>
                                </m:sub>
                              </m:s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𝜽</m:t>
                                  </m:r>
                                </m:e>
                                <m:sub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𝒐𝒑𝒕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  <m:sSubSup>
                            <m:sSubSup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𝝀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𝒐𝒑𝒕</m:t>
                              </m:r>
                            </m:sub>
                            <m:sup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𝟑</m:t>
                              </m:r>
                            </m:sup>
                          </m:sSubSup>
                        </m:den>
                      </m:f>
                      <m:sSup>
                        <m:sSup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  <m:sup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</m:sup>
                      </m:sSup>
                      <m:r>
                        <a:rPr lang="en-GB" sz="1800" b="1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𝑲</m:t>
                          </m:r>
                        </m:e>
                        <m: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𝒐𝒑𝒕</m:t>
                          </m:r>
                        </m:sub>
                      </m:sSub>
                      <m:sSup>
                        <m:sSup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  <m:sup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</m:sup>
                      </m:sSup>
                      <m:r>
                        <m:rPr>
                          <m:nor/>
                        </m:rPr>
                        <a:rPr lang="en-GB" sz="1800" b="1" dirty="0"/>
                        <m:t> </m:t>
                      </m:r>
                    </m:oMath>
                  </m:oMathPara>
                </a14:m>
                <a:endParaRPr lang="en-GB" sz="1800" b="1" dirty="0"/>
              </a:p>
            </p:txBody>
          </p:sp>
        </mc:Choice>
        <mc:Fallback xmlns="">
          <p:sp>
            <p:nvSpPr>
              <p:cNvPr id="31" name="Tekstboks 2">
                <a:extLst>
                  <a:ext uri="{FF2B5EF4-FFF2-40B4-BE49-F238E27FC236}">
                    <a16:creationId xmlns:a16="http://schemas.microsoft.com/office/drawing/2014/main" id="{5DA4EFDA-B7D2-4578-BDE5-FCD19A32E05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94323" y="3192540"/>
                <a:ext cx="4366965" cy="781752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2" name="Tekstboks 2">
                <a:extLst>
                  <a:ext uri="{FF2B5EF4-FFF2-40B4-BE49-F238E27FC236}">
                    <a16:creationId xmlns:a16="http://schemas.microsoft.com/office/drawing/2014/main" id="{5E71A62C-DC66-4637-818E-3BE4FCB57B83}"/>
                  </a:ext>
                </a:extLst>
              </p:cNvPr>
              <p:cNvSpPr txBox="1"/>
              <p:nvPr/>
            </p:nvSpPr>
            <p:spPr>
              <a:xfrm>
                <a:off x="1264239" y="5144503"/>
                <a:ext cx="3641894" cy="659604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GB" sz="1800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𝒓</m:t>
                              </m:r>
                            </m:sub>
                          </m:s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𝒏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  <m:sup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𝟐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̇"/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</m:acc>
                      <m:r>
                        <a:rPr lang="en-GB" sz="1800" b="1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sz="1800" b="1" i="1">
                          <a:latin typeface="Cambria Math" panose="02040503050406030204" pitchFamily="18" charset="0"/>
                        </a:rPr>
                        <m:t>𝑸</m:t>
                      </m:r>
                      <m:d>
                        <m:d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𝑽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𝜽</m:t>
                          </m:r>
                        </m:e>
                      </m:d>
                      <m:r>
                        <a:rPr lang="en-GB" sz="1800" b="1" i="1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𝟏</m:t>
                          </m:r>
                        </m:num>
                        <m:den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𝜼</m:t>
                          </m:r>
                        </m:den>
                      </m:f>
                      <m:sSub>
                        <m:sSub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</m:oMath>
                  </m:oMathPara>
                </a14:m>
                <a:endParaRPr lang="en-GB" sz="1800" b="1" i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32" name="Tekstboks 2">
                <a:extLst>
                  <a:ext uri="{FF2B5EF4-FFF2-40B4-BE49-F238E27FC236}">
                    <a16:creationId xmlns:a16="http://schemas.microsoft.com/office/drawing/2014/main" id="{5E71A62C-DC66-4637-818E-3BE4FCB57B8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64239" y="5144503"/>
                <a:ext cx="3641894" cy="659604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3090609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0" grpId="0" animBg="1"/>
      <p:bldP spid="31" grpId="0" animBg="1"/>
      <p:bldP spid="32" grpId="0" animBg="1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611188" y="148616"/>
            <a:ext cx="10563358" cy="1143000"/>
          </a:xfrm>
        </p:spPr>
        <p:txBody>
          <a:bodyPr/>
          <a:lstStyle/>
          <a:p>
            <a:r>
              <a:rPr lang="en-GB" dirty="0"/>
              <a:t>Region 3: Summary</a:t>
            </a:r>
          </a:p>
        </p:txBody>
      </p:sp>
      <p:sp>
        <p:nvSpPr>
          <p:cNvPr id="6" name="Tekstboks 2"/>
          <p:cNvSpPr txBox="1"/>
          <p:nvPr/>
        </p:nvSpPr>
        <p:spPr>
          <a:xfrm>
            <a:off x="1558702" y="2060848"/>
            <a:ext cx="3888432" cy="1510771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en-GB" sz="2800" dirty="0">
                <a:latin typeface="Arial Rounded MT Bold" panose="020F0704030504030204" pitchFamily="34" charset="0"/>
              </a:rPr>
              <a:t>1. Pitch angle is determined from PI controller</a:t>
            </a:r>
          </a:p>
        </p:txBody>
      </p:sp>
      <p:sp>
        <p:nvSpPr>
          <p:cNvPr id="7" name="Tekstboks 3"/>
          <p:cNvSpPr txBox="1"/>
          <p:nvPr/>
        </p:nvSpPr>
        <p:spPr>
          <a:xfrm>
            <a:off x="1164659" y="4221088"/>
            <a:ext cx="4896742" cy="1510771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2"/>
          </a:fillRef>
          <a:effectRef idx="1">
            <a:schemeClr val="accent2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en-GB" sz="2800">
                <a:latin typeface="Arial Rounded MT Bold" panose="020F0704030504030204" pitchFamily="34" charset="0"/>
              </a:rPr>
              <a:t>2. Generator torque is either a constant (P</a:t>
            </a:r>
            <a:r>
              <a:rPr lang="en-GB" sz="2800" baseline="-25000">
                <a:latin typeface="Arial Rounded MT Bold" panose="020F0704030504030204" pitchFamily="34" charset="0"/>
              </a:rPr>
              <a:t>r</a:t>
            </a:r>
            <a:r>
              <a:rPr lang="en-GB" sz="2800">
                <a:latin typeface="Arial Rounded MT Bold" panose="020F0704030504030204" pitchFamily="34" charset="0"/>
              </a:rPr>
              <a:t>/</a:t>
            </a:r>
            <a:r>
              <a:rPr lang="en-GB" sz="2800" b="1">
                <a:latin typeface="Arial Rounded MT Bold" panose="020F0704030504030204" pitchFamily="34" charset="0"/>
                <a:sym typeface="Symbol"/>
              </a:rPr>
              <a:t></a:t>
            </a:r>
            <a:r>
              <a:rPr lang="en-GB" sz="2800" baseline="-25000">
                <a:latin typeface="Arial Rounded MT Bold" panose="020F0704030504030204" pitchFamily="34" charset="0"/>
                <a:sym typeface="Symbol"/>
              </a:rPr>
              <a:t>r</a:t>
            </a:r>
            <a:r>
              <a:rPr lang="en-GB" sz="2800">
                <a:latin typeface="Arial Rounded MT Bold" panose="020F0704030504030204" pitchFamily="34" charset="0"/>
              </a:rPr>
              <a:t>) or to P</a:t>
            </a:r>
            <a:r>
              <a:rPr lang="en-GB" sz="2800" baseline="-25000">
                <a:latin typeface="Arial Rounded MT Bold" panose="020F0704030504030204" pitchFamily="34" charset="0"/>
              </a:rPr>
              <a:t>r</a:t>
            </a:r>
            <a:r>
              <a:rPr lang="en-GB" sz="2800">
                <a:latin typeface="Arial Rounded MT Bold" panose="020F0704030504030204" pitchFamily="34" charset="0"/>
              </a:rPr>
              <a:t>/</a:t>
            </a:r>
            <a:r>
              <a:rPr lang="en-GB" sz="2800" b="1">
                <a:latin typeface="Arial Rounded MT Bold" panose="020F0704030504030204" pitchFamily="34" charset="0"/>
                <a:sym typeface="Symbol"/>
              </a:rPr>
              <a:t></a:t>
            </a:r>
            <a:endParaRPr lang="en-GB" sz="2800" baseline="30000" dirty="0">
              <a:latin typeface="Arial Rounded MT Bold" panose="020F0704030504030204" pitchFamily="34" charset="0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040D92FC-25E5-4587-87FC-AB88290FD9A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54790" y="2060848"/>
            <a:ext cx="4690883" cy="35935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639684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1</a:t>
            </a:fld>
            <a:endParaRPr lang="en-GB" dirty="0"/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812694" y="34602"/>
            <a:ext cx="10361851" cy="1142851"/>
          </a:xfrm>
        </p:spPr>
        <p:txBody>
          <a:bodyPr/>
          <a:lstStyle/>
          <a:p>
            <a:r>
              <a:rPr lang="en-GB" dirty="0"/>
              <a:t>Summary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idx="1"/>
          </p:nvPr>
        </p:nvSpPr>
        <p:spPr>
          <a:xfrm>
            <a:off x="845923" y="1317040"/>
            <a:ext cx="10361851" cy="4992280"/>
          </a:xfrm>
        </p:spPr>
        <p:txBody>
          <a:bodyPr/>
          <a:lstStyle/>
          <a:p>
            <a:pPr marL="0" indent="0">
              <a:lnSpc>
                <a:spcPct val="150000"/>
              </a:lnSpc>
              <a:buNone/>
            </a:pPr>
            <a:r>
              <a:rPr lang="en-GB" sz="2400" dirty="0"/>
              <a:t>By now we should be able to:</a:t>
            </a:r>
          </a:p>
          <a:p>
            <a:pPr>
              <a:lnSpc>
                <a:spcPct val="150000"/>
              </a:lnSpc>
            </a:pPr>
            <a:r>
              <a:rPr lang="en-GB" sz="2200" dirty="0"/>
              <a:t>Tune a torque PI controller in Region 2.5</a:t>
            </a:r>
          </a:p>
          <a:p>
            <a:pPr>
              <a:lnSpc>
                <a:spcPct val="150000"/>
              </a:lnSpc>
            </a:pPr>
            <a:r>
              <a:rPr lang="en-GB" sz="2200" dirty="0"/>
              <a:t>Tune a pitch PI controller in Region 3</a:t>
            </a:r>
          </a:p>
          <a:p>
            <a:pPr>
              <a:lnSpc>
                <a:spcPct val="150000"/>
              </a:lnSpc>
            </a:pPr>
            <a:r>
              <a:rPr lang="en-GB" sz="2200" dirty="0"/>
              <a:t>Explain how the aerodynamic gain can be calculated</a:t>
            </a:r>
          </a:p>
          <a:p>
            <a:pPr>
              <a:lnSpc>
                <a:spcPct val="150000"/>
              </a:lnSpc>
            </a:pPr>
            <a:r>
              <a:rPr lang="en-GB" sz="2200" dirty="0"/>
              <a:t>Understand how gain scheduling works for Region 3</a:t>
            </a:r>
          </a:p>
          <a:p>
            <a:pPr>
              <a:lnSpc>
                <a:spcPct val="150000"/>
              </a:lnSpc>
            </a:pPr>
            <a:endParaRPr lang="en-GB" sz="2400" dirty="0"/>
          </a:p>
        </p:txBody>
      </p:sp>
    </p:spTree>
    <p:extLst>
      <p:ext uri="{BB962C8B-B14F-4D97-AF65-F5344CB8AC3E}">
        <p14:creationId xmlns:p14="http://schemas.microsoft.com/office/powerpoint/2010/main" val="248157400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2BC3D92-1D81-4842-BF3B-72D70A3CC3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ading material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C7557AE-5407-4156-8C72-54C2C76A222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>
                <a:hlinkClick r:id="rId2"/>
              </a:rPr>
              <a:t>https://github.com/alanliowh/Control_Online_Course</a:t>
            </a:r>
            <a:endParaRPr lang="en-GB" dirty="0"/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204E9DD-52DF-4A3C-8DA1-0B0CFADAB5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1DDA4DF6-5015-4A74-85D3-1312D5532766}"/>
              </a:ext>
            </a:extLst>
          </p:cNvPr>
          <p:cNvSpPr txBox="1">
            <a:spLocks/>
          </p:cNvSpPr>
          <p:nvPr/>
        </p:nvSpPr>
        <p:spPr bwMode="auto">
          <a:xfrm>
            <a:off x="1774726" y="2564904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kern="0" dirty="0"/>
              <a:t>Updated files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DD008202-63E2-4406-AE6E-58A908573DAF}"/>
              </a:ext>
            </a:extLst>
          </p:cNvPr>
          <p:cNvSpPr/>
          <p:nvPr/>
        </p:nvSpPr>
        <p:spPr>
          <a:xfrm>
            <a:off x="1763279" y="3640635"/>
            <a:ext cx="5679375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>
                <a:hlinkClick r:id="rId2"/>
              </a:rPr>
              <a:t>https://github.com/alanliowh/Control_Online_Cours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3568524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5" name="Content Placeholder 1"/>
          <p:cNvSpPr>
            <a:spLocks noGrp="1"/>
          </p:cNvSpPr>
          <p:nvPr>
            <p:ph idx="1"/>
          </p:nvPr>
        </p:nvSpPr>
        <p:spPr>
          <a:xfrm>
            <a:off x="828591" y="1772816"/>
            <a:ext cx="10092530" cy="3888432"/>
          </a:xfrm>
        </p:spPr>
        <p:txBody>
          <a:bodyPr/>
          <a:lstStyle/>
          <a:p>
            <a:pPr marL="0" indent="0">
              <a:lnSpc>
                <a:spcPct val="200000"/>
              </a:lnSpc>
              <a:buNone/>
            </a:pPr>
            <a:r>
              <a:rPr lang="en-GB" sz="2000" b="1" dirty="0"/>
              <a:t>After this session you should be able to: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 Describe what types of controllers are used in Region 2.5 and 3.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 Tune a PI pitch and torque controller in Region 2.5 and 3 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 Calculate aerodynamic gain scheduling for Region 3</a:t>
            </a:r>
          </a:p>
        </p:txBody>
      </p:sp>
      <p:sp>
        <p:nvSpPr>
          <p:cNvPr id="6" name="Title 2"/>
          <p:cNvSpPr>
            <a:spLocks noGrp="1"/>
          </p:cNvSpPr>
          <p:nvPr>
            <p:ph type="title"/>
          </p:nvPr>
        </p:nvSpPr>
        <p:spPr>
          <a:xfrm>
            <a:off x="828591" y="260648"/>
            <a:ext cx="10110541" cy="926976"/>
          </a:xfrm>
        </p:spPr>
        <p:txBody>
          <a:bodyPr/>
          <a:lstStyle/>
          <a:p>
            <a:r>
              <a:rPr lang="en-GB" dirty="0"/>
              <a:t>Learning objectives</a:t>
            </a:r>
          </a:p>
        </p:txBody>
      </p:sp>
    </p:spTree>
    <p:extLst>
      <p:ext uri="{BB962C8B-B14F-4D97-AF65-F5344CB8AC3E}">
        <p14:creationId xmlns:p14="http://schemas.microsoft.com/office/powerpoint/2010/main" val="29346237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9B842A8-AB93-47AB-BCD6-21DF798417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econd-order mass-spring-damper system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994C0EA-8299-455B-BA40-46C6546B603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Consider a mass-spring-damper system: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Standard form: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Solution of the second-order system</a:t>
            </a:r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9B3E32-6293-41D8-A97E-3EA9569DFDD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5FA5A650-D88F-4A2C-AC13-A2B0115BBA85}"/>
              </a:ext>
            </a:extLst>
          </p:cNvPr>
          <p:cNvGrpSpPr/>
          <p:nvPr/>
        </p:nvGrpSpPr>
        <p:grpSpPr>
          <a:xfrm>
            <a:off x="8039422" y="1628800"/>
            <a:ext cx="3286125" cy="1390650"/>
            <a:chOff x="8039422" y="1628800"/>
            <a:chExt cx="3286125" cy="1390650"/>
          </a:xfrm>
        </p:grpSpPr>
        <p:pic>
          <p:nvPicPr>
            <p:cNvPr id="1026" name="Picture 2" descr="304_Vibration of Mass-Spring-Damper System (3) – Memorandums of a Novice  Automotive Engineer">
              <a:extLst>
                <a:ext uri="{FF2B5EF4-FFF2-40B4-BE49-F238E27FC236}">
                  <a16:creationId xmlns:a16="http://schemas.microsoft.com/office/drawing/2014/main" id="{9DA7FF43-85CE-4834-9901-D65B75BF003D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8039422" y="1628800"/>
              <a:ext cx="3286125" cy="139065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cxnSp>
          <p:nvCxnSpPr>
            <p:cNvPr id="6" name="Straight Connector 5">
              <a:extLst>
                <a:ext uri="{FF2B5EF4-FFF2-40B4-BE49-F238E27FC236}">
                  <a16:creationId xmlns:a16="http://schemas.microsoft.com/office/drawing/2014/main" id="{67270EFE-3502-4D37-8527-5FDC5FD1D10A}"/>
                </a:ext>
              </a:extLst>
            </p:cNvPr>
            <p:cNvCxnSpPr/>
            <p:nvPr/>
          </p:nvCxnSpPr>
          <p:spPr bwMode="auto">
            <a:xfrm>
              <a:off x="8111430" y="1772816"/>
              <a:ext cx="0" cy="1224136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211218E8-CDD0-42F2-BE73-39FD89C2B8D0}"/>
                  </a:ext>
                </a:extLst>
              </p:cNvPr>
              <p:cNvSpPr txBox="1"/>
              <p:nvPr/>
            </p:nvSpPr>
            <p:spPr>
              <a:xfrm>
                <a:off x="3184075" y="2138663"/>
                <a:ext cx="1723036" cy="246221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r>
                      <a:rPr lang="en-GB" b="1" i="1" smtClean="0">
                        <a:latin typeface="Cambria Math" panose="02040503050406030204" pitchFamily="18" charset="0"/>
                      </a:rPr>
                      <m:t>𝒎</m:t>
                    </m:r>
                    <m:acc>
                      <m:accPr>
                        <m:chr m:val="̈"/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b="1" i="1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</m:acc>
                    <m:r>
                      <a:rPr lang="en-GB" b="1" i="1">
                        <a:latin typeface="Cambria Math" panose="02040503050406030204" pitchFamily="18" charset="0"/>
                      </a:rPr>
                      <m:t>+</m:t>
                    </m:r>
                    <m:r>
                      <a:rPr lang="en-GB" b="1" i="1">
                        <a:latin typeface="Cambria Math" panose="02040503050406030204" pitchFamily="18" charset="0"/>
                      </a:rPr>
                      <m:t>𝒄</m:t>
                    </m:r>
                    <m:acc>
                      <m:accPr>
                        <m:chr m:val="̇"/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b="1" i="1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</m:acc>
                    <m:r>
                      <a:rPr lang="en-GB" b="1" i="1">
                        <a:latin typeface="Cambria Math" panose="02040503050406030204" pitchFamily="18" charset="0"/>
                      </a:rPr>
                      <m:t>+</m:t>
                    </m:r>
                    <m:r>
                      <a:rPr lang="en-GB" b="1" i="1">
                        <a:latin typeface="Cambria Math" panose="02040503050406030204" pitchFamily="18" charset="0"/>
                      </a:rPr>
                      <m:t>𝒌𝒙</m:t>
                    </m:r>
                    <m:r>
                      <a:rPr lang="en-GB" b="1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GB" b="1" i="1">
                        <a:latin typeface="Cambria Math" panose="02040503050406030204" pitchFamily="18" charset="0"/>
                      </a:rPr>
                      <m:t>𝑭</m:t>
                    </m:r>
                  </m:oMath>
                </a14:m>
                <a:r>
                  <a:rPr lang="en-GB" b="1" dirty="0"/>
                  <a:t> </a:t>
                </a:r>
              </a:p>
            </p:txBody>
          </p:sp>
        </mc:Choice>
        <mc:Fallback xmlns="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211218E8-CDD0-42F2-BE73-39FD89C2B8D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184075" y="2138663"/>
                <a:ext cx="1723036" cy="246221"/>
              </a:xfrm>
              <a:prstGeom prst="rect">
                <a:avLst/>
              </a:prstGeom>
              <a:blipFill>
                <a:blip r:embed="rId3"/>
                <a:stretch>
                  <a:fillRect l="-2091" b="-454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TextBox 9">
            <a:extLst>
              <a:ext uri="{FF2B5EF4-FFF2-40B4-BE49-F238E27FC236}">
                <a16:creationId xmlns:a16="http://schemas.microsoft.com/office/drawing/2014/main" id="{D203F1EE-787A-4D0D-B430-CEACE919D02D}"/>
              </a:ext>
            </a:extLst>
          </p:cNvPr>
          <p:cNvSpPr txBox="1"/>
          <p:nvPr/>
        </p:nvSpPr>
        <p:spPr>
          <a:xfrm>
            <a:off x="7016386" y="1476443"/>
            <a:ext cx="219008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spc="50" dirty="0">
                <a:ln w="9525" cmpd="sng">
                  <a:solidFill>
                    <a:schemeClr val="accent1"/>
                  </a:solidFill>
                  <a:prstDash val="solid"/>
                </a:ln>
                <a:solidFill>
                  <a:srgbClr val="70AD47">
                    <a:tint val="1000"/>
                  </a:srgbClr>
                </a:solidFill>
                <a:effectLst>
                  <a:glow rad="38100">
                    <a:schemeClr val="accent1">
                      <a:alpha val="40000"/>
                    </a:schemeClr>
                  </a:glow>
                </a:effectLst>
                <a:latin typeface="+mn-lt"/>
              </a:rPr>
              <a:t>Newton’s second law</a:t>
            </a:r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25F68895-8B20-488E-B035-54551BB0F133}"/>
              </a:ext>
            </a:extLst>
          </p:cNvPr>
          <p:cNvCxnSpPr>
            <a:cxnSpLocks/>
          </p:cNvCxnSpPr>
          <p:nvPr/>
        </p:nvCxnSpPr>
        <p:spPr bwMode="auto">
          <a:xfrm flipH="1">
            <a:off x="5051707" y="1767951"/>
            <a:ext cx="1944216" cy="60379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5" name="Picture 14">
            <a:extLst>
              <a:ext uri="{FF2B5EF4-FFF2-40B4-BE49-F238E27FC236}">
                <a16:creationId xmlns:a16="http://schemas.microsoft.com/office/drawing/2014/main" id="{E9D3E77D-D388-4909-AE2A-2A01823D972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27054" y="2449345"/>
            <a:ext cx="2895851" cy="342930"/>
          </a:xfrm>
          <a:prstGeom prst="rect">
            <a:avLst/>
          </a:prstGeom>
        </p:spPr>
      </p:pic>
      <p:pic>
        <p:nvPicPr>
          <p:cNvPr id="17" name="Picture 16" descr="Diagram&#10;&#10;Description automatically generated">
            <a:extLst>
              <a:ext uri="{FF2B5EF4-FFF2-40B4-BE49-F238E27FC236}">
                <a16:creationId xmlns:a16="http://schemas.microsoft.com/office/drawing/2014/main" id="{87033F40-E4B9-4FD8-89AD-9701902C5DE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94806" y="3341134"/>
            <a:ext cx="1920406" cy="617273"/>
          </a:xfrm>
          <a:prstGeom prst="rect">
            <a:avLst/>
          </a:prstGeom>
        </p:spPr>
      </p:pic>
      <p:pic>
        <p:nvPicPr>
          <p:cNvPr id="19" name="Picture 18" descr="A picture containing text&#10;&#10;Description automatically generated">
            <a:extLst>
              <a:ext uri="{FF2B5EF4-FFF2-40B4-BE49-F238E27FC236}">
                <a16:creationId xmlns:a16="http://schemas.microsoft.com/office/drawing/2014/main" id="{8EB665A3-81C8-4445-BBA3-CE5DAB7DC2C0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99062" y="3387487"/>
            <a:ext cx="3574090" cy="678239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4DE04165-3F58-4B44-8750-0BD81C9AF349}"/>
                  </a:ext>
                </a:extLst>
              </p:cNvPr>
              <p:cNvSpPr txBox="1"/>
              <p:nvPr/>
            </p:nvSpPr>
            <p:spPr>
              <a:xfrm>
                <a:off x="8757002" y="3454736"/>
                <a:ext cx="2008435" cy="543739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𝜔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𝑛</m:t>
                        </m:r>
                      </m:sub>
                    </m:sSub>
                  </m:oMath>
                </a14:m>
                <a:r>
                  <a:rPr lang="en-GB" b="0" dirty="0"/>
                  <a:t>: natural frequency</a:t>
                </a:r>
              </a:p>
              <a:p>
                <a:pPr algn="l"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𝜁</m:t>
                    </m:r>
                  </m:oMath>
                </a14:m>
                <a:r>
                  <a:rPr lang="en-GB" b="0" dirty="0"/>
                  <a:t>: damping ratio</a:t>
                </a:r>
              </a:p>
            </p:txBody>
          </p:sp>
        </mc:Choice>
        <mc:Fallback xmlns=""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4DE04165-3F58-4B44-8750-0BD81C9AF34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757002" y="3454736"/>
                <a:ext cx="2008435" cy="543739"/>
              </a:xfrm>
              <a:prstGeom prst="rect">
                <a:avLst/>
              </a:prstGeom>
              <a:blipFill>
                <a:blip r:embed="rId7"/>
                <a:stretch>
                  <a:fillRect l="-1201" t="-9677" r="-3303" b="-1935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A055519E-7A59-4AED-99B1-4DAF2C29FB11}"/>
                  </a:ext>
                </a:extLst>
              </p:cNvPr>
              <p:cNvSpPr/>
              <p:nvPr/>
            </p:nvSpPr>
            <p:spPr>
              <a:xfrm>
                <a:off x="3510342" y="4647575"/>
                <a:ext cx="2634567" cy="43896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𝒙</m:t>
                      </m:r>
                      <m:d>
                        <m:dPr>
                          <m:ctrlPr>
                            <a:rPr lang="en-GB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e>
                      </m:d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𝑨</m:t>
                      </m:r>
                      <m:sSup>
                        <m:sSupPr>
                          <m:ctrlPr>
                            <a:rPr lang="en-GB" b="1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b="1" i="1" smtClean="0">
                              <a:latin typeface="Cambria Math" panose="02040503050406030204" pitchFamily="18" charset="0"/>
                            </a:rPr>
                            <m:t>𝒆</m:t>
                          </m:r>
                        </m:e>
                        <m:sup>
                          <m:d>
                            <m:dPr>
                              <m:ctrlPr>
                                <a:rPr lang="en-GB" b="1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GB" b="1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r>
                                <a:rPr lang="en-GB" b="1" i="1" smtClean="0">
                                  <a:latin typeface="Cambria Math" panose="02040503050406030204" pitchFamily="18" charset="0"/>
                                </a:rPr>
                                <m:t>𝜻</m:t>
                              </m:r>
                              <m:sSub>
                                <m:sSubPr>
                                  <m:ctrlPr>
                                    <a:rPr lang="en-GB" b="1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1" i="1" smtClean="0">
                                      <a:latin typeface="Cambria Math" panose="02040503050406030204" pitchFamily="18" charset="0"/>
                                    </a:rPr>
                                    <m:t>𝝎</m:t>
                                  </m:r>
                                </m:e>
                                <m:sub>
                                  <m:r>
                                    <a:rPr lang="en-GB" b="1" i="1" smtClean="0">
                                      <a:latin typeface="Cambria Math" panose="02040503050406030204" pitchFamily="18" charset="0"/>
                                    </a:rPr>
                                    <m:t>𝒏</m:t>
                                  </m:r>
                                </m:sub>
                              </m:sSub>
                              <m:r>
                                <a:rPr lang="en-GB" b="1" i="1" smtClean="0">
                                  <a:latin typeface="Cambria Math" panose="02040503050406030204" pitchFamily="18" charset="0"/>
                                </a:rPr>
                                <m:t>±</m:t>
                              </m:r>
                              <m:r>
                                <a:rPr lang="en-GB" b="1" i="1" smtClean="0">
                                  <a:latin typeface="Cambria Math" panose="02040503050406030204" pitchFamily="18" charset="0"/>
                                </a:rPr>
                                <m:t>𝒋</m:t>
                              </m:r>
                              <m:sSub>
                                <m:sSubPr>
                                  <m:ctrlPr>
                                    <a:rPr lang="en-GB" b="1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1" i="1" smtClean="0">
                                      <a:latin typeface="Cambria Math" panose="02040503050406030204" pitchFamily="18" charset="0"/>
                                    </a:rPr>
                                    <m:t>𝝎</m:t>
                                  </m:r>
                                </m:e>
                                <m:sub>
                                  <m:r>
                                    <a:rPr lang="en-GB" b="1" i="1" smtClean="0">
                                      <a:latin typeface="Cambria Math" panose="02040503050406030204" pitchFamily="18" charset="0"/>
                                    </a:rPr>
                                    <m:t>𝒏</m:t>
                                  </m:r>
                                </m:sub>
                              </m:sSub>
                              <m:rad>
                                <m:radPr>
                                  <m:degHide m:val="on"/>
                                  <m:ctrlPr>
                                    <a:rPr lang="en-GB" b="1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radPr>
                                <m:deg/>
                                <m:e>
                                  <m:sSup>
                                    <m:sSupPr>
                                      <m:ctrlPr>
                                        <a:rPr lang="en-GB" b="1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pPr>
                                    <m:e>
                                      <m:r>
                                        <a:rPr lang="en-GB" b="1" i="1" smtClean="0">
                                          <a:latin typeface="Cambria Math" panose="02040503050406030204" pitchFamily="18" charset="0"/>
                                        </a:rPr>
                                        <m:t>𝟏</m:t>
                                      </m:r>
                                      <m:r>
                                        <a:rPr lang="en-GB" b="1" i="1" smtClean="0">
                                          <a:latin typeface="Cambria Math" panose="02040503050406030204" pitchFamily="18" charset="0"/>
                                        </a:rPr>
                                        <m:t>−</m:t>
                                      </m:r>
                                      <m:r>
                                        <a:rPr lang="en-GB" b="1" i="1" smtClean="0">
                                          <a:latin typeface="Cambria Math" panose="02040503050406030204" pitchFamily="18" charset="0"/>
                                        </a:rPr>
                                        <m:t>𝜻</m:t>
                                      </m:r>
                                    </m:e>
                                    <m:sup>
                                      <m:r>
                                        <a:rPr lang="en-GB" b="1" i="1" smtClean="0">
                                          <a:latin typeface="Cambria Math" panose="02040503050406030204" pitchFamily="18" charset="0"/>
                                        </a:rPr>
                                        <m:t>𝟐</m:t>
                                      </m:r>
                                    </m:sup>
                                  </m:sSup>
                                  <m:r>
                                    <a:rPr lang="en-GB" b="1" i="1" smtClean="0">
                                      <a:latin typeface="Cambria Math" panose="02040503050406030204" pitchFamily="18" charset="0"/>
                                    </a:rPr>
                                    <m:t> </m:t>
                                  </m:r>
                                </m:e>
                              </m:rad>
                            </m:e>
                          </m:d>
                          <m:r>
                            <a:rPr lang="en-GB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sup>
                      </m:sSup>
                    </m:oMath>
                  </m:oMathPara>
                </a14:m>
                <a:endParaRPr lang="en-GB" b="1" dirty="0"/>
              </a:p>
            </p:txBody>
          </p:sp>
        </mc:Choice>
        <mc:Fallback xmlns="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A055519E-7A59-4AED-99B1-4DAF2C29FB1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510342" y="4647575"/>
                <a:ext cx="2634567" cy="438966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EC115482-EA67-40B3-8AE5-9C663A168616}"/>
                  </a:ext>
                </a:extLst>
              </p:cNvPr>
              <p:cNvSpPr/>
              <p:nvPr/>
            </p:nvSpPr>
            <p:spPr>
              <a:xfrm>
                <a:off x="4739616" y="5605553"/>
                <a:ext cx="1807418" cy="584775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𝜻</m:t>
                      </m:r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𝟎</m:t>
                      </m:r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.</m:t>
                      </m:r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𝟐</m:t>
                      </m:r>
                    </m:oMath>
                  </m:oMathPara>
                </a14:m>
                <a:endParaRPr lang="en-GB" b="1" i="1" dirty="0">
                  <a:latin typeface="Cambria Math" panose="02040503050406030204" pitchFamily="18" charset="0"/>
                </a:endParaRPr>
              </a:p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1" i="1">
                              <a:latin typeface="Cambria Math" panose="02040503050406030204" pitchFamily="18" charset="0"/>
                            </a:rPr>
                            <m:t>𝝎</m:t>
                          </m:r>
                        </m:e>
                        <m:sub>
                          <m:r>
                            <a:rPr lang="en-GB" b="1" i="1">
                              <a:latin typeface="Cambria Math" panose="02040503050406030204" pitchFamily="18" charset="0"/>
                            </a:rPr>
                            <m:t>𝒏</m:t>
                          </m:r>
                        </m:sub>
                      </m:sSub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𝟎</m:t>
                      </m:r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.</m:t>
                      </m:r>
                      <m:r>
                        <a:rPr lang="en-GB" b="1" i="1" smtClean="0">
                          <a:latin typeface="Cambria Math" panose="02040503050406030204" pitchFamily="18" charset="0"/>
                        </a:rPr>
                        <m:t>𝟎𝟓</m:t>
                      </m:r>
                      <m:r>
                        <a:rPr lang="en-GB" b="1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</m:t>
                      </m:r>
                      <m:r>
                        <a:rPr lang="en-GB" b="1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𝟐</m:t>
                      </m:r>
                      <m:r>
                        <a:rPr lang="en-GB" b="1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𝝅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EC115482-EA67-40B3-8AE5-9C663A168616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39616" y="5605553"/>
                <a:ext cx="1807418" cy="584775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5" name="Group 4">
            <a:extLst>
              <a:ext uri="{FF2B5EF4-FFF2-40B4-BE49-F238E27FC236}">
                <a16:creationId xmlns:a16="http://schemas.microsoft.com/office/drawing/2014/main" id="{B95B32B2-4DA2-4C46-B14D-9B8ED34F11B5}"/>
              </a:ext>
            </a:extLst>
          </p:cNvPr>
          <p:cNvGrpSpPr/>
          <p:nvPr/>
        </p:nvGrpSpPr>
        <p:grpSpPr>
          <a:xfrm>
            <a:off x="5735166" y="4118979"/>
            <a:ext cx="6638313" cy="2386872"/>
            <a:chOff x="5735166" y="4118979"/>
            <a:chExt cx="6638313" cy="2386872"/>
          </a:xfrm>
        </p:grpSpPr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80B1CA77-4D68-41C1-9085-B74B321840F6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/>
            <a:stretch>
              <a:fillRect/>
            </a:stretch>
          </p:blipFill>
          <p:spPr>
            <a:xfrm>
              <a:off x="5735166" y="4118979"/>
              <a:ext cx="6638313" cy="2386872"/>
            </a:xfrm>
            <a:prstGeom prst="rect">
              <a:avLst/>
            </a:prstGeom>
          </p:spPr>
        </p:pic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79EC4A39-45A7-4244-A7B2-08CFE7909158}"/>
                </a:ext>
              </a:extLst>
            </p:cNvPr>
            <p:cNvCxnSpPr/>
            <p:nvPr/>
          </p:nvCxnSpPr>
          <p:spPr bwMode="auto">
            <a:xfrm>
              <a:off x="7622905" y="5589240"/>
              <a:ext cx="1064589" cy="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triangle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7" name="Rectangle 26">
                  <a:extLst>
                    <a:ext uri="{FF2B5EF4-FFF2-40B4-BE49-F238E27FC236}">
                      <a16:creationId xmlns:a16="http://schemas.microsoft.com/office/drawing/2014/main" id="{DA54CBDB-22DD-4808-A908-F1E8AE4C7203}"/>
                    </a:ext>
                  </a:extLst>
                </p:cNvPr>
                <p:cNvSpPr/>
                <p:nvPr/>
              </p:nvSpPr>
              <p:spPr>
                <a:xfrm>
                  <a:off x="7528194" y="5623278"/>
                  <a:ext cx="1294906" cy="391839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en-US" b="1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1" i="1">
                                <a:latin typeface="Cambria Math" panose="02040503050406030204" pitchFamily="18" charset="0"/>
                              </a:rPr>
                              <m:t>𝝎</m:t>
                            </m:r>
                          </m:e>
                          <m:sub>
                            <m:r>
                              <a:rPr lang="en-US" b="1" i="1">
                                <a:latin typeface="Cambria Math" panose="02040503050406030204" pitchFamily="18" charset="0"/>
                              </a:rPr>
                              <m:t>𝒏</m:t>
                            </m:r>
                          </m:sub>
                        </m:sSub>
                        <m:rad>
                          <m:radPr>
                            <m:degHide m:val="on"/>
                            <m:ctrlPr>
                              <a:rPr lang="en-US" b="1" i="1" smtClean="0">
                                <a:latin typeface="Cambria Math" panose="02040503050406030204" pitchFamily="18" charset="0"/>
                              </a:rPr>
                            </m:ctrlPr>
                          </m:radPr>
                          <m:deg/>
                          <m:e>
                            <m:r>
                              <a:rPr lang="en-US" b="1" i="1" smtClean="0">
                                <a:latin typeface="Cambria Math" panose="02040503050406030204" pitchFamily="18" charset="0"/>
                              </a:rPr>
                              <m:t>𝟏</m:t>
                            </m:r>
                            <m:r>
                              <a:rPr lang="en-US" b="1" i="1" smtClean="0">
                                <a:latin typeface="Cambria Math" panose="02040503050406030204" pitchFamily="18" charset="0"/>
                              </a:rPr>
                              <m:t>−</m:t>
                            </m:r>
                            <m:sSup>
                              <m:sSupPr>
                                <m:ctrlPr>
                                  <a:rPr lang="en-US" b="1" i="1" smtClean="0">
                                    <a:latin typeface="Cambria Math" panose="02040503050406030204" pitchFamily="18" charset="0"/>
                                  </a:rPr>
                                </m:ctrlPr>
                              </m:sSupPr>
                              <m:e>
                                <m:r>
                                  <a:rPr lang="en-US" b="1" i="1" smtClean="0">
                                    <a:latin typeface="Cambria Math" panose="02040503050406030204" pitchFamily="18" charset="0"/>
                                  </a:rPr>
                                  <m:t>𝜻</m:t>
                                </m:r>
                              </m:e>
                              <m:sup>
                                <m:r>
                                  <a:rPr lang="en-US" b="1" i="1" smtClean="0">
                                    <a:latin typeface="Cambria Math" panose="02040503050406030204" pitchFamily="18" charset="0"/>
                                  </a:rPr>
                                  <m:t>𝟐</m:t>
                                </m:r>
                              </m:sup>
                            </m:sSup>
                            <m:r>
                              <a:rPr lang="en-US" b="1" i="1" smtClean="0">
                                <a:latin typeface="Cambria Math" panose="02040503050406030204" pitchFamily="18" charset="0"/>
                              </a:rPr>
                              <m:t> </m:t>
                            </m:r>
                          </m:e>
                        </m:rad>
                      </m:oMath>
                    </m:oMathPara>
                  </a14:m>
                  <a:endParaRPr lang="en-GB" dirty="0"/>
                </a:p>
              </p:txBody>
            </p:sp>
          </mc:Choice>
          <mc:Fallback xmlns="">
            <p:sp>
              <p:nvSpPr>
                <p:cNvPr id="27" name="Rectangle 26">
                  <a:extLst>
                    <a:ext uri="{FF2B5EF4-FFF2-40B4-BE49-F238E27FC236}">
                      <a16:creationId xmlns:a16="http://schemas.microsoft.com/office/drawing/2014/main" id="{DA54CBDB-22DD-4808-A908-F1E8AE4C7203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528194" y="5623278"/>
                  <a:ext cx="1294906" cy="391839"/>
                </a:xfrm>
                <a:prstGeom prst="rect">
                  <a:avLst/>
                </a:prstGeom>
                <a:blipFill>
                  <a:blip r:embed="rId12"/>
                  <a:stretch>
                    <a:fillRect b="-9231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2EAD0249-D361-4328-8F98-2DB2CBE2DD2D}"/>
                </a:ext>
              </a:extLst>
            </p:cNvPr>
            <p:cNvSpPr txBox="1"/>
            <p:nvPr/>
          </p:nvSpPr>
          <p:spPr>
            <a:xfrm>
              <a:off x="8789033" y="5759340"/>
              <a:ext cx="2417328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dirty="0">
                  <a:latin typeface="+mn-lt"/>
                </a:rPr>
                <a:t>Damped natural frequency</a:t>
              </a: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63B9F823-6427-4610-8757-16799107C9D4}"/>
                  </a:ext>
                </a:extLst>
              </p:cNvPr>
              <p:cNvSpPr txBox="1"/>
              <p:nvPr/>
            </p:nvSpPr>
            <p:spPr>
              <a:xfrm>
                <a:off x="543201" y="5797121"/>
                <a:ext cx="4079553" cy="655179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square" rtlCol="0">
                <a:spAutoFit/>
              </a:bodyPr>
              <a:lstStyle/>
              <a:p>
                <a:pPr/>
                <a:r>
                  <a:rPr lang="en-GB" sz="1200" b="1" i="1" dirty="0">
                    <a:latin typeface="Cambria Math" panose="02040503050406030204" pitchFamily="18" charset="0"/>
                  </a:rPr>
                  <a:t>Remember that the drive-train is a second-order system</a:t>
                </a:r>
                <a:br>
                  <a:rPr lang="en-GB" sz="1200" b="1" i="1" dirty="0">
                    <a:latin typeface="Cambria Math" panose="02040503050406030204" pitchFamily="18" charset="0"/>
                  </a:rPr>
                </a:b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GB" sz="1200" b="1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GB" sz="12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2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GB" sz="1200" b="1" i="1">
                                  <a:latin typeface="Cambria Math" panose="02040503050406030204" pitchFamily="18" charset="0"/>
                                </a:rPr>
                                <m:t>𝒓</m:t>
                              </m:r>
                            </m:sub>
                          </m:sSub>
                          <m:r>
                            <a:rPr lang="en-GB" sz="1200" b="1" i="1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GB" sz="1200" b="1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GB" sz="1200" b="1" i="1">
                                  <a:latin typeface="Cambria Math" panose="02040503050406030204" pitchFamily="18" charset="0"/>
                                </a:rPr>
                                <m:t>𝒏</m:t>
                              </m:r>
                            </m:e>
                            <m:sub>
                              <m:r>
                                <a:rPr lang="en-GB" sz="12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  <m:sup>
                              <m:r>
                                <a:rPr lang="en-GB" sz="1200" b="1" i="1">
                                  <a:latin typeface="Cambria Math" panose="02040503050406030204" pitchFamily="18" charset="0"/>
                                </a:rPr>
                                <m:t>𝟐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GB" sz="12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2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GB" sz="12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̇"/>
                          <m:ctrlPr>
                            <a:rPr lang="en-GB" sz="1200" b="1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12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</m:acc>
                      <m:r>
                        <a:rPr lang="en-GB" sz="1200" b="1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sz="1200" b="1" i="1">
                          <a:latin typeface="Cambria Math" panose="02040503050406030204" pitchFamily="18" charset="0"/>
                        </a:rPr>
                        <m:t>𝑸</m:t>
                      </m:r>
                      <m:d>
                        <m:dPr>
                          <m:ctrlPr>
                            <a:rPr lang="en-GB" sz="1200" b="1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200" b="1" i="1">
                              <a:latin typeface="Cambria Math" panose="02040503050406030204" pitchFamily="18" charset="0"/>
                            </a:rPr>
                            <m:t>𝑽</m:t>
                          </m:r>
                          <m:r>
                            <a:rPr lang="en-GB" sz="12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200" b="1" i="1">
                              <a:latin typeface="Cambria Math" panose="02040503050406030204" pitchFamily="18" charset="0"/>
                            </a:rPr>
                            <m:t>𝜴</m:t>
                          </m:r>
                          <m:r>
                            <a:rPr lang="en-GB" sz="12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200" b="1" i="1">
                              <a:latin typeface="Cambria Math" panose="02040503050406030204" pitchFamily="18" charset="0"/>
                            </a:rPr>
                            <m:t>𝜽</m:t>
                          </m:r>
                        </m:e>
                      </m:d>
                      <m:r>
                        <a:rPr lang="en-GB" sz="1200" b="1" i="1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1200" b="1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200" b="1" i="1">
                              <a:latin typeface="Cambria Math" panose="02040503050406030204" pitchFamily="18" charset="0"/>
                            </a:rPr>
                            <m:t>𝟏</m:t>
                          </m:r>
                        </m:num>
                        <m:den>
                          <m:r>
                            <a:rPr lang="en-GB" sz="1200" b="1" i="1">
                              <a:latin typeface="Cambria Math" panose="02040503050406030204" pitchFamily="18" charset="0"/>
                            </a:rPr>
                            <m:t>𝜼</m:t>
                          </m:r>
                        </m:den>
                      </m:f>
                      <m:sSub>
                        <m:sSubPr>
                          <m:ctrlPr>
                            <a:rPr lang="en-GB" sz="12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200" b="1" i="1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GB" sz="1200" b="1" i="1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</m:oMath>
                  </m:oMathPara>
                </a14:m>
                <a:endParaRPr lang="en-GB" sz="1200" b="1" i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63B9F823-6427-4610-8757-16799107C9D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43201" y="5797121"/>
                <a:ext cx="4079553" cy="655179"/>
              </a:xfrm>
              <a:prstGeom prst="rect">
                <a:avLst/>
              </a:prstGeom>
              <a:blipFill>
                <a:blip r:embed="rId13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2422575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2" grpId="0" animBg="1"/>
      <p:bldP spid="21" grpId="0"/>
      <p:bldP spid="26" grpId="0"/>
      <p:bldP spid="30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el 1"/>
          <p:cNvSpPr>
            <a:spLocks noGrp="1"/>
          </p:cNvSpPr>
          <p:nvPr>
            <p:ph type="title"/>
          </p:nvPr>
        </p:nvSpPr>
        <p:spPr>
          <a:xfrm>
            <a:off x="838622" y="260647"/>
            <a:ext cx="5256584" cy="683041"/>
          </a:xfrm>
        </p:spPr>
        <p:txBody>
          <a:bodyPr/>
          <a:lstStyle/>
          <a:p>
            <a:r>
              <a:rPr lang="en-GB" dirty="0"/>
              <a:t>Region 2.5: Speed regulation </a:t>
            </a:r>
          </a:p>
        </p:txBody>
      </p:sp>
      <p:pic>
        <p:nvPicPr>
          <p:cNvPr id="18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62758" y="2323332"/>
            <a:ext cx="5417771" cy="3960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6307B2E-48D9-4617-B753-724AC10766D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53119" y="108904"/>
            <a:ext cx="1890028" cy="1447888"/>
          </a:xfrm>
          <a:prstGeom prst="rect">
            <a:avLst/>
          </a:prstGeom>
        </p:spPr>
      </p:pic>
      <p:sp>
        <p:nvSpPr>
          <p:cNvPr id="22" name="Rektangel 8"/>
          <p:cNvSpPr/>
          <p:nvPr/>
        </p:nvSpPr>
        <p:spPr bwMode="auto">
          <a:xfrm>
            <a:off x="10847734" y="97043"/>
            <a:ext cx="256317" cy="1471610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7" name="Rektangel 5">
            <a:extLst>
              <a:ext uri="{FF2B5EF4-FFF2-40B4-BE49-F238E27FC236}">
                <a16:creationId xmlns:a16="http://schemas.microsoft.com/office/drawing/2014/main" id="{3036BFB7-81ED-4479-BDF2-180B791EFA6A}"/>
              </a:ext>
            </a:extLst>
          </p:cNvPr>
          <p:cNvSpPr/>
          <p:nvPr/>
        </p:nvSpPr>
        <p:spPr bwMode="auto">
          <a:xfrm>
            <a:off x="838622" y="1271852"/>
            <a:ext cx="7750572" cy="722944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08000" tIns="36000" rIns="108000" bIns="36000" numCol="1" rtlCol="0" anchor="t" anchorCtr="0" compatLnSpc="1">
            <a:prstTxWarp prst="textNoShape">
              <a:avLst/>
            </a:prstTxWarp>
          </a:bodyPr>
          <a:lstStyle/>
          <a:p>
            <a:pPr marL="1252538" indent="-1252538">
              <a:tabLst>
                <a:tab pos="1252538" algn="l"/>
              </a:tabLst>
            </a:pPr>
            <a:r>
              <a:rPr lang="en-GB" sz="1800" dirty="0">
                <a:latin typeface="Arial Rounded MT Bold" panose="020F0704030504030204" pitchFamily="34" charset="0"/>
              </a:rPr>
              <a:t>Strategy:	Use generator torque (and pitch) to regulate rotor speed to the rated speed</a:t>
            </a:r>
            <a:endParaRPr kumimoji="0" lang="en-GB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241917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el 1"/>
          <p:cNvSpPr>
            <a:spLocks noGrp="1"/>
          </p:cNvSpPr>
          <p:nvPr>
            <p:ph type="title"/>
          </p:nvPr>
        </p:nvSpPr>
        <p:spPr>
          <a:xfrm>
            <a:off x="910862" y="349367"/>
            <a:ext cx="7056320" cy="575419"/>
          </a:xfrm>
        </p:spPr>
        <p:txBody>
          <a:bodyPr/>
          <a:lstStyle/>
          <a:p>
            <a:r>
              <a:rPr lang="en-GB" dirty="0"/>
              <a:t>Region 2.5: Speed regulation 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8" name="Pladsholder til indhold 2"/>
              <p:cNvSpPr>
                <a:spLocks noGrp="1" noChangeAspect="1"/>
              </p:cNvSpPr>
              <p:nvPr>
                <p:ph idx="1"/>
              </p:nvPr>
            </p:nvSpPr>
            <p:spPr>
              <a:xfrm>
                <a:off x="659356" y="1369902"/>
                <a:ext cx="11082953" cy="5299458"/>
              </a:xfrm>
            </p:spPr>
            <p:txBody>
              <a:bodyPr/>
              <a:lstStyle/>
              <a:p>
                <a:r>
                  <a:rPr lang="en-GB" dirty="0"/>
                  <a:t>Nonlinear equation of motion of drivetrain dynamic: </a:t>
                </a:r>
              </a:p>
              <a:p>
                <a:endParaRPr lang="en-GB" dirty="0"/>
              </a:p>
              <a:p>
                <a:endParaRPr lang="en-GB" dirty="0"/>
              </a:p>
              <a:p>
                <a:r>
                  <a:rPr lang="en-GB" b="0" dirty="0"/>
                  <a:t>Generator torque behaves like a PI controller:</a:t>
                </a:r>
                <a:br>
                  <a:rPr lang="en-GB" b="0" dirty="0"/>
                </a:br>
                <a:endParaRPr lang="en-GB" b="0" dirty="0"/>
              </a:p>
              <a:p>
                <a:endParaRPr lang="en-GB" dirty="0"/>
              </a:p>
              <a:p>
                <a:endParaRPr lang="en-GB" dirty="0"/>
              </a:p>
              <a:p>
                <a:r>
                  <a:rPr lang="en-GB" dirty="0"/>
                  <a:t>Pitch controller also behaves like a PI controller</a:t>
                </a:r>
              </a:p>
              <a:p>
                <a:pPr lvl="1"/>
                <a:r>
                  <a:rPr lang="en-GB" dirty="0"/>
                  <a:t>Since it’s the same in Region 3, let’s discuss later</a:t>
                </a:r>
              </a:p>
              <a:p>
                <a:pPr lvl="1"/>
                <a:r>
                  <a:rPr lang="en-GB" dirty="0"/>
                  <a:t>For simplicity, in the analysis we assume </a:t>
                </a: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𝜃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𝑜𝑝𝑡</m:t>
                        </m:r>
                      </m:sub>
                    </m:sSub>
                  </m:oMath>
                </a14:m>
                <a:endParaRPr lang="en-GB" dirty="0"/>
              </a:p>
              <a:p>
                <a:pPr marL="0" indent="0">
                  <a:buNone/>
                </a:pPr>
                <a:endParaRPr lang="en-GB" dirty="0"/>
              </a:p>
              <a:p>
                <a:pPr marL="0" indent="0">
                  <a:buNone/>
                </a:pPr>
                <a:endParaRPr lang="en-GB" dirty="0"/>
              </a:p>
              <a:p>
                <a:pPr marL="0" indent="0">
                  <a:buNone/>
                </a:pPr>
                <a:r>
                  <a:rPr lang="en-GB" dirty="0"/>
                  <a:t>Now, we need to tune </a:t>
                </a:r>
                <a:r>
                  <a:rPr lang="en-GB" dirty="0" err="1"/>
                  <a:t>Kp</a:t>
                </a:r>
                <a:r>
                  <a:rPr lang="en-GB" dirty="0"/>
                  <a:t> and Ki</a:t>
                </a:r>
              </a:p>
              <a:p>
                <a:pPr marL="0" indent="0">
                  <a:buNone/>
                </a:pPr>
                <a:endParaRPr lang="en-GB" dirty="0"/>
              </a:p>
              <a:p>
                <a:pPr marL="0" indent="0">
                  <a:buNone/>
                </a:pPr>
                <a:endParaRPr lang="en-GB" dirty="0"/>
              </a:p>
            </p:txBody>
          </p:sp>
        </mc:Choice>
        <mc:Fallback xmlns="">
          <p:sp>
            <p:nvSpPr>
              <p:cNvPr id="18" name="Pladsholder til indhold 2"/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659356" y="1369902"/>
                <a:ext cx="11082953" cy="5299458"/>
              </a:xfrm>
              <a:blipFill>
                <a:blip r:embed="rId2"/>
                <a:stretch>
                  <a:fillRect l="-1265" t="-149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4" name="Group 3"/>
          <p:cNvGrpSpPr>
            <a:grpSpLocks noChangeAspect="1"/>
          </p:cNvGrpSpPr>
          <p:nvPr/>
        </p:nvGrpSpPr>
        <p:grpSpPr>
          <a:xfrm>
            <a:off x="1572900" y="1772816"/>
            <a:ext cx="2893995" cy="288000"/>
            <a:chOff x="1572900" y="1880961"/>
            <a:chExt cx="4340993" cy="432000"/>
          </a:xfrm>
        </p:grpSpPr>
        <p:pic>
          <p:nvPicPr>
            <p:cNvPr id="19" name="Picture 2"/>
            <p:cNvPicPr>
              <a:picLocks noChangeAspect="1" noChangeArrowheads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572900" y="1880961"/>
              <a:ext cx="4176000" cy="432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3" name="TextBox 2"/>
            <p:cNvSpPr txBox="1"/>
            <p:nvPr/>
          </p:nvSpPr>
          <p:spPr>
            <a:xfrm>
              <a:off x="5913795" y="1920747"/>
              <a:ext cx="98" cy="369332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endParaRPr lang="en-US" dirty="0" err="1">
                <a:latin typeface="+mn-lt"/>
              </a:endParaRPr>
            </a:p>
          </p:txBody>
        </p:sp>
      </p:grpSp>
      <p:grpSp>
        <p:nvGrpSpPr>
          <p:cNvPr id="7" name="Group 6"/>
          <p:cNvGrpSpPr/>
          <p:nvPr/>
        </p:nvGrpSpPr>
        <p:grpSpPr>
          <a:xfrm>
            <a:off x="8887821" y="2390771"/>
            <a:ext cx="2919921" cy="2134252"/>
            <a:chOff x="7864019" y="1914424"/>
            <a:chExt cx="2919921" cy="2134252"/>
          </a:xfrm>
        </p:grpSpPr>
        <p:pic>
          <p:nvPicPr>
            <p:cNvPr id="26" name="Picture 2"/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864019" y="1914424"/>
              <a:ext cx="2919921" cy="2134252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46" name="Picture 3"/>
            <p:cNvPicPr>
              <a:picLocks noChangeAspect="1" noChangeArrowheads="1"/>
            </p:cNvPicPr>
            <p:nvPr/>
          </p:nvPicPr>
          <p:blipFill rotWithShape="1"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42" t="15267" r="88075" b="57703"/>
            <a:stretch/>
          </p:blipFill>
          <p:spPr bwMode="auto">
            <a:xfrm>
              <a:off x="10297572" y="2453162"/>
              <a:ext cx="294366" cy="16353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6" name="TextBox 5"/>
            <p:cNvSpPr txBox="1"/>
            <p:nvPr/>
          </p:nvSpPr>
          <p:spPr>
            <a:xfrm>
              <a:off x="10175658" y="2438193"/>
              <a:ext cx="216024" cy="15388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sz="1000" dirty="0">
                  <a:latin typeface="+mn-lt"/>
                </a:rPr>
                <a:t>+</a:t>
              </a:r>
              <a:endParaRPr lang="en-US" sz="1000" dirty="0" err="1">
                <a:latin typeface="+mn-lt"/>
              </a:endParaRPr>
            </a:p>
          </p:txBody>
        </p:sp>
      </p:grpSp>
      <p:sp>
        <p:nvSpPr>
          <p:cNvPr id="2" name="Rectangle 1"/>
          <p:cNvSpPr/>
          <p:nvPr/>
        </p:nvSpPr>
        <p:spPr bwMode="auto">
          <a:xfrm>
            <a:off x="8847200" y="2336953"/>
            <a:ext cx="2386227" cy="1352370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5" name="Rectangle 34"/>
          <p:cNvSpPr/>
          <p:nvPr/>
        </p:nvSpPr>
        <p:spPr bwMode="auto">
          <a:xfrm>
            <a:off x="8847199" y="2321171"/>
            <a:ext cx="3131813" cy="2376264"/>
          </a:xfrm>
          <a:prstGeom prst="rect">
            <a:avLst/>
          </a:prstGeom>
          <a:noFill/>
          <a:ln w="381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8063349" y="243274"/>
            <a:ext cx="1584088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>
                <a:hlinkClick r:id="rId6" action="ppaction://hlinkfile"/>
              </a:rPr>
              <a:t>Lecture notes</a:t>
            </a:r>
            <a:endParaRPr lang="en-GB" dirty="0"/>
          </a:p>
        </p:txBody>
      </p:sp>
      <p:pic>
        <p:nvPicPr>
          <p:cNvPr id="34" name="Picture 33">
            <a:extLst>
              <a:ext uri="{FF2B5EF4-FFF2-40B4-BE49-F238E27FC236}">
                <a16:creationId xmlns:a16="http://schemas.microsoft.com/office/drawing/2014/main" id="{63ADE5AE-D914-4C3F-A9E3-368496E9602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53119" y="108904"/>
            <a:ext cx="1890028" cy="1447888"/>
          </a:xfrm>
          <a:prstGeom prst="rect">
            <a:avLst/>
          </a:prstGeom>
        </p:spPr>
      </p:pic>
      <p:sp>
        <p:nvSpPr>
          <p:cNvPr id="36" name="Rektangel 8">
            <a:extLst>
              <a:ext uri="{FF2B5EF4-FFF2-40B4-BE49-F238E27FC236}">
                <a16:creationId xmlns:a16="http://schemas.microsoft.com/office/drawing/2014/main" id="{FC4C0E65-881C-4021-A65C-CDE07DEABE92}"/>
              </a:ext>
            </a:extLst>
          </p:cNvPr>
          <p:cNvSpPr/>
          <p:nvPr/>
        </p:nvSpPr>
        <p:spPr bwMode="auto">
          <a:xfrm>
            <a:off x="10847734" y="97043"/>
            <a:ext cx="256317" cy="1471610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5981BB35-DE3A-4845-8261-01CAED10321B}"/>
              </a:ext>
            </a:extLst>
          </p:cNvPr>
          <p:cNvSpPr/>
          <p:nvPr/>
        </p:nvSpPr>
        <p:spPr bwMode="auto">
          <a:xfrm>
            <a:off x="4130831" y="1702511"/>
            <a:ext cx="258785" cy="39887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3A7BE58-ADF0-45BA-94EC-3FBA39E47B18}"/>
              </a:ext>
            </a:extLst>
          </p:cNvPr>
          <p:cNvSpPr txBox="1"/>
          <p:nvPr/>
        </p:nvSpPr>
        <p:spPr>
          <a:xfrm>
            <a:off x="4603579" y="1843607"/>
            <a:ext cx="116217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ontrol input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059E2647-201B-4E4A-B681-7BE9CB13C9E3}"/>
                  </a:ext>
                </a:extLst>
              </p:cNvPr>
              <p:cNvSpPr/>
              <p:nvPr/>
            </p:nvSpPr>
            <p:spPr>
              <a:xfrm>
                <a:off x="797685" y="2600636"/>
                <a:ext cx="4032448" cy="642997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GB" b="0" i="0" smtClean="0">
                          <a:latin typeface="Cambria Math" panose="02040503050406030204" pitchFamily="18" charset="0"/>
                        </a:rPr>
                        <m:t>Δ</m:t>
                      </m:r>
                      <m:sSub>
                        <m:sSubPr>
                          <m:ctrlPr>
                            <a:rPr lang="en-GB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sSub>
                            <m:sSub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e>
                            <m:sub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sub>
                      </m:sSub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en-GB">
                              <a:latin typeface="Cambria Math" panose="02040503050406030204" pitchFamily="18" charset="0"/>
                            </a:rPr>
                            <m:t>Ω</m:t>
                          </m:r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GB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</m:e>
                      </m:d>
                      <m:r>
                        <a:rPr lang="en-GB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sSub>
                            <m:sSub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sub>
                      </m:sSub>
                      <m:nary>
                        <m:nary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lang="en-GB" i="1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𝑡</m:t>
                          </m:r>
                        </m:sup>
                        <m:e>
                          <m:d>
                            <m:d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m:rPr>
                                  <m:sty m:val="p"/>
                                </m:rPr>
                                <a:rPr lang="en-GB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GB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GB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GB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</m:e>
                          </m:d>
                        </m:e>
                      </m:nary>
                      <m:r>
                        <a:rPr lang="en-GB" i="1">
                          <a:latin typeface="Cambria Math" panose="02040503050406030204" pitchFamily="18" charset="0"/>
                        </a:rPr>
                        <m:t>𝑑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𝜏</m:t>
                      </m:r>
                    </m:oMath>
                  </m:oMathPara>
                </a14:m>
                <a:br>
                  <a:rPr lang="en-GB" dirty="0"/>
                </a:br>
                <a:endParaRPr lang="en-GB" dirty="0"/>
              </a:p>
            </p:txBody>
          </p:sp>
        </mc:Choice>
        <mc:Fallback xmlns=""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059E2647-201B-4E4A-B681-7BE9CB13C9E3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97685" y="2600636"/>
                <a:ext cx="4032448" cy="642997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7" name="Rectangle 36">
            <a:extLst>
              <a:ext uri="{FF2B5EF4-FFF2-40B4-BE49-F238E27FC236}">
                <a16:creationId xmlns:a16="http://schemas.microsoft.com/office/drawing/2014/main" id="{1A9EBA0C-A3A4-49F7-90BD-D6760C1A8E46}"/>
              </a:ext>
            </a:extLst>
          </p:cNvPr>
          <p:cNvSpPr/>
          <p:nvPr/>
        </p:nvSpPr>
        <p:spPr bwMode="auto">
          <a:xfrm>
            <a:off x="3530937" y="1679120"/>
            <a:ext cx="258785" cy="39887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0941979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2" grpId="1" animBg="1"/>
      <p:bldP spid="35" grpId="0" animBg="1"/>
      <p:bldP spid="10" grpId="0" animBg="1"/>
      <p:bldP spid="11" grpId="0"/>
      <p:bldP spid="37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D908D2-D427-40FD-A417-3CAD87FFCE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: Linearisation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27723AE-39AC-471B-A8C3-F09540C6B00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Consider the drive-train equation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Let’s linearise it, and define the operating point and deviations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Substituting the derivations into the drive-train equation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Thus, the linearised equation becomes:</a:t>
            </a:r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834A740-57CE-4CA7-884E-146BD5BADBF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C01D22EC-7119-401D-B737-F614D64FD1B0}"/>
              </a:ext>
            </a:extLst>
          </p:cNvPr>
          <p:cNvGrpSpPr>
            <a:grpSpLocks noChangeAspect="1"/>
          </p:cNvGrpSpPr>
          <p:nvPr/>
        </p:nvGrpSpPr>
        <p:grpSpPr>
          <a:xfrm>
            <a:off x="2134766" y="2060848"/>
            <a:ext cx="2893995" cy="288000"/>
            <a:chOff x="1572900" y="1880961"/>
            <a:chExt cx="4340993" cy="432000"/>
          </a:xfrm>
        </p:grpSpPr>
        <p:pic>
          <p:nvPicPr>
            <p:cNvPr id="6" name="Picture 2">
              <a:extLst>
                <a:ext uri="{FF2B5EF4-FFF2-40B4-BE49-F238E27FC236}">
                  <a16:creationId xmlns:a16="http://schemas.microsoft.com/office/drawing/2014/main" id="{AF79313D-4DD4-40B9-83C6-E8B90B2E5C46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572900" y="1880961"/>
              <a:ext cx="4176000" cy="432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0D93A458-C8B6-4984-A8E1-55F082B49694}"/>
                </a:ext>
              </a:extLst>
            </p:cNvPr>
            <p:cNvSpPr txBox="1"/>
            <p:nvPr/>
          </p:nvSpPr>
          <p:spPr>
            <a:xfrm>
              <a:off x="5913795" y="1920747"/>
              <a:ext cx="98" cy="369332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endParaRPr lang="en-US" dirty="0" err="1">
                <a:latin typeface="+mn-lt"/>
              </a:endParaRP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8" name="Rectangle 7">
                <a:extLst>
                  <a:ext uri="{FF2B5EF4-FFF2-40B4-BE49-F238E27FC236}">
                    <a16:creationId xmlns:a16="http://schemas.microsoft.com/office/drawing/2014/main" id="{D254C07D-46EC-4083-B584-9507BB56162C}"/>
                  </a:ext>
                </a:extLst>
              </p:cNvPr>
              <p:cNvSpPr/>
              <p:nvPr/>
            </p:nvSpPr>
            <p:spPr>
              <a:xfrm>
                <a:off x="9233101" y="5165118"/>
                <a:ext cx="1970539" cy="403380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GB" b="0" i="0" smtClean="0">
                              <a:latin typeface="Cambria Math" panose="02040503050406030204" pitchFamily="18" charset="0"/>
                            </a:rPr>
                            <m:t>Δ</m:t>
                          </m:r>
                          <m:r>
                            <m:rPr>
                              <m:sty m:val="p"/>
                            </m:rPr>
                            <a:rPr lang="en-GB">
                              <a:latin typeface="Cambria Math" panose="02040503050406030204" pitchFamily="18" charset="0"/>
                            </a:rPr>
                            <m:t>Q</m:t>
                          </m:r>
                        </m:e>
                        <m:sub>
                          <m:r>
                            <m:rPr>
                              <m:sty m:val="p"/>
                            </m:rPr>
                            <a:rPr lang="en-GB">
                              <a:latin typeface="Cambria Math" panose="02040503050406030204" pitchFamily="18" charset="0"/>
                            </a:rPr>
                            <m:t>g</m:t>
                          </m:r>
                        </m:sub>
                      </m:sSub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sSub>
                            <m:sSub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e>
                            <m:sub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sub>
                      </m:sSub>
                      <m:acc>
                        <m:accPr>
                          <m:chr m:val="̇"/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𝜙</m:t>
                          </m:r>
                        </m:e>
                      </m:acc>
                      <m:r>
                        <a:rPr lang="en-GB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sSub>
                            <m:sSub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sub>
                      </m:sSub>
                      <m:r>
                        <a:rPr lang="en-GB" i="1" smtClean="0">
                          <a:latin typeface="Cambria Math" panose="02040503050406030204" pitchFamily="18" charset="0"/>
                        </a:rPr>
                        <m:t>𝜙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8" name="Rectangle 7">
                <a:extLst>
                  <a:ext uri="{FF2B5EF4-FFF2-40B4-BE49-F238E27FC236}">
                    <a16:creationId xmlns:a16="http://schemas.microsoft.com/office/drawing/2014/main" id="{D254C07D-46EC-4083-B584-9507BB56162C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233101" y="5165118"/>
                <a:ext cx="1970539" cy="40338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19" name="Group 18">
            <a:extLst>
              <a:ext uri="{FF2B5EF4-FFF2-40B4-BE49-F238E27FC236}">
                <a16:creationId xmlns:a16="http://schemas.microsoft.com/office/drawing/2014/main" id="{0715C71F-BA66-4844-850F-1FE800A217CA}"/>
              </a:ext>
            </a:extLst>
          </p:cNvPr>
          <p:cNvGrpSpPr/>
          <p:nvPr/>
        </p:nvGrpSpPr>
        <p:grpSpPr>
          <a:xfrm>
            <a:off x="2157885" y="4033191"/>
            <a:ext cx="6249901" cy="540125"/>
            <a:chOff x="1173080" y="3227430"/>
            <a:chExt cx="6249901" cy="540125"/>
          </a:xfrm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6CF6B70D-C991-41B8-B5A7-6AB0206EE703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t="11903" r="22476" b="13799"/>
            <a:stretch/>
          </p:blipFill>
          <p:spPr>
            <a:xfrm>
              <a:off x="1173080" y="3227430"/>
              <a:ext cx="4829257" cy="403380"/>
            </a:xfrm>
            <a:prstGeom prst="rect">
              <a:avLst/>
            </a:prstGeom>
          </p:spPr>
        </p:pic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8" name="Rectangle 17">
                  <a:extLst>
                    <a:ext uri="{FF2B5EF4-FFF2-40B4-BE49-F238E27FC236}">
                      <a16:creationId xmlns:a16="http://schemas.microsoft.com/office/drawing/2014/main" id="{958059A8-8881-459C-842F-F6793D10C453}"/>
                    </a:ext>
                  </a:extLst>
                </p:cNvPr>
                <p:cNvSpPr/>
                <p:nvPr/>
              </p:nvSpPr>
              <p:spPr>
                <a:xfrm>
                  <a:off x="5849473" y="3248117"/>
                  <a:ext cx="1573508" cy="519438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i="1" smtClean="0">
                            <a:latin typeface="Cambria Math" panose="02040503050406030204" pitchFamily="18" charset="0"/>
                          </a:rPr>
                          <m:t>(</m:t>
                        </m:r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>
                                <a:latin typeface="Cambria Math" panose="02040503050406030204" pitchFamily="18" charset="0"/>
                              </a:rPr>
                              <m:t>𝑄</m:t>
                            </m:r>
                          </m:e>
                          <m:sub>
                            <m:r>
                              <a:rPr lang="en-US" b="0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  <m:sSub>
                          <m:sSubPr>
                            <m:ctrlPr>
                              <a:rPr lang="en-US" b="0" i="1" dirty="0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d>
                              <m:dPr>
                                <m:begChr m:val=""/>
                                <m:endChr m:val="|"/>
                                <m:ctrlPr>
                                  <a:rPr lang="en-GB" i="1" dirty="0" smtClean="0">
                                    <a:latin typeface="Cambria Math" panose="02040503050406030204" pitchFamily="18" charset="0"/>
                                  </a:rPr>
                                </m:ctrlPr>
                              </m:dP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​</m:t>
                                </m:r>
                              </m:e>
                            </m:d>
                          </m:e>
                          <m:sub>
                            <m:r>
                              <a:rPr lang="en-US" b="0" i="1" dirty="0" smtClean="0">
                                <a:latin typeface="Cambria Math" panose="02040503050406030204" pitchFamily="18" charset="0"/>
                              </a:rPr>
                              <m:t>𝑜𝑝</m:t>
                            </m:r>
                          </m:sub>
                        </m:s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Δ</m:t>
                        </m:r>
                        <m:sSub>
                          <m:sSubPr>
                            <m:ctrlPr>
                              <a:rPr lang="en-US" b="0" i="1" dirty="0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dirty="0" smtClean="0">
                                <a:latin typeface="Cambria Math" panose="02040503050406030204" pitchFamily="18" charset="0"/>
                              </a:rPr>
                              <m:t>𝑄</m:t>
                            </m:r>
                          </m:e>
                          <m:sub>
                            <m:r>
                              <a:rPr lang="en-US" b="0" i="1" dirty="0" smtClean="0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)</m:t>
                        </m:r>
                      </m:oMath>
                    </m:oMathPara>
                  </a14:m>
                  <a:endParaRPr lang="en-GB" i="1" dirty="0"/>
                </a:p>
              </p:txBody>
            </p:sp>
          </mc:Choice>
          <mc:Fallback xmlns="">
            <p:sp>
              <p:nvSpPr>
                <p:cNvPr id="18" name="Rectangle 17">
                  <a:extLst>
                    <a:ext uri="{FF2B5EF4-FFF2-40B4-BE49-F238E27FC236}">
                      <a16:creationId xmlns:a16="http://schemas.microsoft.com/office/drawing/2014/main" id="{958059A8-8881-459C-842F-F6793D10C453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5849473" y="3248117"/>
                  <a:ext cx="1573508" cy="519438"/>
                </a:xfrm>
                <a:prstGeom prst="rect">
                  <a:avLst/>
                </a:prstGeom>
                <a:blipFill>
                  <a:blip r:embed="rId5"/>
                  <a:stretch>
                    <a:fillRect l="-11240" t="-145882" b="-208235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33E46F3C-F0DB-42A2-90FD-940FD82A855F}"/>
                  </a:ext>
                </a:extLst>
              </p:cNvPr>
              <p:cNvSpPr txBox="1"/>
              <p:nvPr/>
            </p:nvSpPr>
            <p:spPr>
              <a:xfrm>
                <a:off x="493720" y="5012096"/>
                <a:ext cx="6840760" cy="36208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𝑄</m:t>
                    </m:r>
                    <m:d>
                      <m:d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GB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𝑉</m:t>
                            </m:r>
                          </m:e>
                          <m:sub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𝑜𝑝</m:t>
                            </m:r>
                          </m:sub>
                        </m:sSub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m:rPr>
                            <m:sty m:val="p"/>
                          </m:rPr>
                          <a:rPr lang="en-GB" b="0" i="0" smtClean="0">
                            <a:latin typeface="Cambria Math" panose="02040503050406030204" pitchFamily="18" charset="0"/>
                          </a:rPr>
                          <m:t>Δ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𝑣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sSub>
                          <m:sSubPr>
                            <m:ctrlPr>
                              <a:rPr lang="en-GB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GB" b="0" i="0" smtClean="0">
                                <a:latin typeface="Cambria Math" panose="02040503050406030204" pitchFamily="18" charset="0"/>
                              </a:rPr>
                              <m:t>Ω</m:t>
                            </m:r>
                          </m:e>
                          <m:sub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+</m:t>
                        </m:r>
                        <m:acc>
                          <m:accPr>
                            <m:chr m:val="̇"/>
                            <m:ctrlPr>
                              <a:rPr lang="en-GB" b="0" i="1" smtClean="0">
                                <a:latin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𝜙</m:t>
                            </m:r>
                          </m:e>
                        </m:acc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sSub>
                          <m:sSubPr>
                            <m:ctrlPr>
                              <a:rPr lang="en-GB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𝜃</m:t>
                            </m:r>
                          </m:e>
                          <m:sub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𝑜𝑝</m:t>
                            </m:r>
                          </m:sub>
                        </m:sSub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m:rPr>
                            <m:sty m:val="p"/>
                          </m:rPr>
                          <a:rPr lang="en-GB" b="0" i="0" smtClean="0">
                            <a:latin typeface="Cambria Math" panose="02040503050406030204" pitchFamily="18" charset="0"/>
                          </a:rPr>
                          <m:t>Δ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</m:d>
                    <m:r>
                      <a:rPr lang="en-GB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𝑄</m:t>
                    </m:r>
                    <m:d>
                      <m:d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GB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𝑉</m:t>
                            </m:r>
                          </m:e>
                          <m:sub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𝑜𝑝</m:t>
                            </m:r>
                          </m:sub>
                        </m:sSub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sSub>
                          <m:sSubPr>
                            <m:ctrlPr>
                              <a:rPr lang="en-GB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GB" b="0" i="0" smtClean="0">
                                <a:latin typeface="Cambria Math" panose="02040503050406030204" pitchFamily="18" charset="0"/>
                              </a:rPr>
                              <m:t>Ω</m:t>
                            </m:r>
                          </m:e>
                          <m:sub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sSub>
                          <m:sSubPr>
                            <m:ctrlPr>
                              <a:rPr lang="en-GB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𝜃</m:t>
                            </m:r>
                          </m:e>
                          <m:sub>
                            <m:r>
                              <a:rPr lang="en-GB" b="0" i="1" smtClean="0">
                                <a:latin typeface="Cambria Math" panose="02040503050406030204" pitchFamily="18" charset="0"/>
                              </a:rPr>
                              <m:t>𝑜𝑝</m:t>
                            </m:r>
                          </m:sub>
                        </m:sSub>
                      </m:e>
                    </m:d>
                    <m:r>
                      <a:rPr lang="en-GB" b="0" i="1" smtClean="0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den>
                    </m:f>
                    <m:r>
                      <m:rPr>
                        <m:sty m:val="p"/>
                      </m:rPr>
                      <a:rPr lang="en-GB" b="0" i="0" smtClean="0">
                        <a:latin typeface="Cambria Math" panose="02040503050406030204" pitchFamily="18" charset="0"/>
                      </a:rPr>
                      <m:t>Δ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𝑣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GB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acc>
                      <m:accPr>
                        <m:chr m:val="̇"/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GB" b="0" i="1" smtClean="0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𝜃</m:t>
                        </m:r>
                      </m:den>
                    </m:f>
                    <m:r>
                      <m:rPr>
                        <m:sty m:val="p"/>
                      </m:rPr>
                      <a:rPr lang="en-GB" b="0" i="0" smtClean="0">
                        <a:latin typeface="Cambria Math" panose="02040503050406030204" pitchFamily="18" charset="0"/>
                      </a:rPr>
                      <m:t>Δ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𝜃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+</m:t>
                    </m:r>
                  </m:oMath>
                </a14:m>
                <a:r>
                  <a:rPr lang="en-GB" dirty="0">
                    <a:latin typeface="+mn-lt"/>
                  </a:rPr>
                  <a:t>…</a:t>
                </a:r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33E46F3C-F0DB-42A2-90FD-940FD82A855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93720" y="5012096"/>
                <a:ext cx="6840760" cy="362087"/>
              </a:xfrm>
              <a:prstGeom prst="rect">
                <a:avLst/>
              </a:prstGeom>
              <a:blipFill>
                <a:blip r:embed="rId6"/>
                <a:stretch>
                  <a:fillRect l="-1337" b="-1833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1" name="TextBox 20">
            <a:extLst>
              <a:ext uri="{FF2B5EF4-FFF2-40B4-BE49-F238E27FC236}">
                <a16:creationId xmlns:a16="http://schemas.microsoft.com/office/drawing/2014/main" id="{9D69C19E-4699-4B48-A95D-8B1A303B3675}"/>
              </a:ext>
            </a:extLst>
          </p:cNvPr>
          <p:cNvSpPr txBox="1"/>
          <p:nvPr/>
        </p:nvSpPr>
        <p:spPr>
          <a:xfrm>
            <a:off x="622598" y="4718466"/>
            <a:ext cx="214129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Taylor series expansion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B7A4B76C-0191-4A84-9C30-4DEACA8454E5}"/>
              </a:ext>
            </a:extLst>
          </p:cNvPr>
          <p:cNvSpPr txBox="1"/>
          <p:nvPr/>
        </p:nvSpPr>
        <p:spPr>
          <a:xfrm>
            <a:off x="8945808" y="4943231"/>
            <a:ext cx="178895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From previous slide</a:t>
            </a:r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B96BD648-13A2-4305-B598-BF15F2CC0A2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763890" y="2986220"/>
            <a:ext cx="5806516" cy="468000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5AB4973B-2AF3-4B55-9251-6BC048FA3C9D}"/>
                  </a:ext>
                </a:extLst>
              </p:cNvPr>
              <p:cNvSpPr/>
              <p:nvPr/>
            </p:nvSpPr>
            <p:spPr>
              <a:xfrm>
                <a:off x="2380122" y="5942333"/>
                <a:ext cx="5025158" cy="484300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d>
                      <m:dPr>
                        <m:ctrlPr>
                          <a:rPr lang="en-GB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  <m:r>
                          <a:rPr lang="en-GB" i="1">
                            <a:latin typeface="Cambria Math" panose="02040503050406030204" pitchFamily="18" charset="0"/>
                          </a:rPr>
                          <m:t>+</m:t>
                        </m:r>
                        <m:sSubSup>
                          <m:sSubSupPr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  <m:sup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bSup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e>
                    </m:d>
                    <m:acc>
                      <m:accPr>
                        <m:chr m:val="̈"/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GB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i="1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i="1">
                            <a:latin typeface="Cambria Math" panose="02040503050406030204" pitchFamily="18" charset="0"/>
                          </a:rPr>
                          <m:t>𝑉</m:t>
                        </m:r>
                      </m:den>
                    </m:f>
                    <m:r>
                      <m:rPr>
                        <m:sty m:val="p"/>
                      </m:rPr>
                      <a:rPr lang="en-GB">
                        <a:latin typeface="Cambria Math" panose="02040503050406030204" pitchFamily="18" charset="0"/>
                      </a:rPr>
                      <m:t>Δ</m:t>
                    </m:r>
                    <m:r>
                      <a:rPr lang="en-GB" i="1">
                        <a:latin typeface="Cambria Math" panose="02040503050406030204" pitchFamily="18" charset="0"/>
                      </a:rPr>
                      <m:t>𝑣</m:t>
                    </m:r>
                    <m:r>
                      <a:rPr lang="en-GB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i="1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GB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acc>
                      <m:accPr>
                        <m:chr m:val="̇"/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GB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i="1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GB" i="1">
                            <a:latin typeface="Cambria Math" panose="02040503050406030204" pitchFamily="18" charset="0"/>
                          </a:rPr>
                          <m:t>𝜃</m:t>
                        </m:r>
                      </m:den>
                    </m:f>
                    <m:r>
                      <m:rPr>
                        <m:sty m:val="p"/>
                      </m:rPr>
                      <a:rPr lang="en-GB">
                        <a:latin typeface="Cambria Math" panose="02040503050406030204" pitchFamily="18" charset="0"/>
                      </a:rPr>
                      <m:t>Δ</m:t>
                    </m:r>
                    <m:r>
                      <a:rPr lang="en-GB" i="1">
                        <a:latin typeface="Cambria Math" panose="02040503050406030204" pitchFamily="18" charset="0"/>
                      </a:rPr>
                      <m:t>𝜃</m:t>
                    </m:r>
                    <m:r>
                      <a:rPr lang="en-GB" i="1">
                        <a:latin typeface="Cambria Math" panose="02040503050406030204" pitchFamily="18" charset="0"/>
                      </a:rPr>
                      <m:t>−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r>
                      <a:rPr lang="en-GB" i="1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𝑘</m:t>
                        </m:r>
                      </m:e>
                      <m:sub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𝑃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sub>
                    </m:sSub>
                    <m:acc>
                      <m:accPr>
                        <m:chr m:val="̇"/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GB" i="1">
                        <a:latin typeface="Cambria Math" panose="02040503050406030204" pitchFamily="18" charset="0"/>
                      </a:rPr>
                      <m:t>+</m:t>
                    </m:r>
                    <m:sSub>
                      <m:sSub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𝑘</m:t>
                        </m:r>
                      </m:e>
                      <m:sub>
                        <m:sSub>
                          <m:sSubPr>
                            <m:ctrlPr>
                              <a:rPr lang="en-GB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GB" i="1">
                        <a:latin typeface="Cambria Math" panose="02040503050406030204" pitchFamily="18" charset="0"/>
                      </a:rPr>
                      <m:t>𝜙</m:t>
                    </m:r>
                  </m:oMath>
                </a14:m>
                <a:r>
                  <a:rPr lang="en-GB" dirty="0"/>
                  <a:t>)</a:t>
                </a:r>
              </a:p>
            </p:txBody>
          </p:sp>
        </mc:Choice>
        <mc:Fallback xmlns=""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5AB4973B-2AF3-4B55-9251-6BC048FA3C9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380122" y="5942333"/>
                <a:ext cx="5025158" cy="484300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1D9A0DCB-6CA2-4B00-8423-8C132D146102}"/>
              </a:ext>
            </a:extLst>
          </p:cNvPr>
          <p:cNvSpPr/>
          <p:nvPr/>
        </p:nvSpPr>
        <p:spPr bwMode="auto">
          <a:xfrm>
            <a:off x="406574" y="5012096"/>
            <a:ext cx="2736304" cy="403380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78207FA3-D9BE-47F8-8A81-4B1965704BF1}"/>
              </a:ext>
            </a:extLst>
          </p:cNvPr>
          <p:cNvSpPr/>
          <p:nvPr/>
        </p:nvSpPr>
        <p:spPr bwMode="auto">
          <a:xfrm>
            <a:off x="3956629" y="4057525"/>
            <a:ext cx="2736304" cy="403380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80DF5869-8492-4FA5-AA0D-0D54E80FA8D1}"/>
              </a:ext>
            </a:extLst>
          </p:cNvPr>
          <p:cNvSpPr/>
          <p:nvPr/>
        </p:nvSpPr>
        <p:spPr bwMode="auto">
          <a:xfrm>
            <a:off x="7652203" y="4091592"/>
            <a:ext cx="616019" cy="369313"/>
          </a:xfrm>
          <a:prstGeom prst="roundRect">
            <a:avLst/>
          </a:prstGeom>
          <a:noFill/>
          <a:ln>
            <a:solidFill>
              <a:schemeClr val="accent3"/>
            </a:solidFill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B4A15917-C5D3-49B0-B001-DDF8A27EDAC6}"/>
              </a:ext>
            </a:extLst>
          </p:cNvPr>
          <p:cNvSpPr/>
          <p:nvPr/>
        </p:nvSpPr>
        <p:spPr bwMode="auto">
          <a:xfrm>
            <a:off x="9119542" y="5189452"/>
            <a:ext cx="616019" cy="369313"/>
          </a:xfrm>
          <a:prstGeom prst="roundRect">
            <a:avLst/>
          </a:prstGeom>
          <a:noFill/>
          <a:ln>
            <a:solidFill>
              <a:schemeClr val="accent3"/>
            </a:solidFill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90912483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32e20b93-f8f0-4438-9d21-6230dbd4e858","elementConfiguration":{"binding":"UserProfile.Offices.Workarea_{{DocumentLanguage}}","disableUpdates":false,"type":"text"}},{"type":"shape","id":"405b9a8a-8b41-41ab-8c32-d93f4eb448bf","elementConfiguration":{"binding":"Form.Date","format":"{{DateFormats.GeneralDate}}","disableUpdates":false,"type":"date"}},{"type":"shape","id":"bd0d50e4-bc21-458e-ac32-a32373239190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8SgQg2jqy+iUA3emWta/1A=="},{"name":"PresentationTitle","value":"41oth+/aApCsQJwHzwekhDqgxjk0ya+Y6If05446kzA="}]}]]></Templafy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957680393236694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D27AE696-61B6-4B19-9CED-6F2A3F244FE3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6B8AD017-B053-4E30-93B9-B28A44CEC3A4}">
  <ds:schemaRefs/>
</ds:datastoreItem>
</file>

<file path=customXml/itemProps6.xml><?xml version="1.0" encoding="utf-8"?>
<ds:datastoreItem xmlns:ds="http://schemas.openxmlformats.org/officeDocument/2006/customXml" ds:itemID="{1680B9DC-2D51-4402-BB2C-B8DE0C5AC52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7507</TotalTime>
  <Words>1889</Words>
  <Application>Microsoft Office PowerPoint</Application>
  <PresentationFormat>Custom</PresentationFormat>
  <Paragraphs>351</Paragraphs>
  <Slides>31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1</vt:i4>
      </vt:variant>
    </vt:vector>
  </HeadingPairs>
  <TitlesOfParts>
    <vt:vector size="37" baseType="lpstr">
      <vt:lpstr>Arial</vt:lpstr>
      <vt:lpstr>Arial Rounded MT Bold</vt:lpstr>
      <vt:lpstr>Cambria Math</vt:lpstr>
      <vt:lpstr>Courier New</vt:lpstr>
      <vt:lpstr>Verdana</vt:lpstr>
      <vt:lpstr>Blank</vt:lpstr>
      <vt:lpstr>PowerPoint Presentation</vt:lpstr>
      <vt:lpstr>Controller design and tuning: Region 2.5 and 3 </vt:lpstr>
      <vt:lpstr>Re-cap</vt:lpstr>
      <vt:lpstr>Reading materials</vt:lpstr>
      <vt:lpstr>Learning objectives</vt:lpstr>
      <vt:lpstr>Second-order mass-spring-damper system</vt:lpstr>
      <vt:lpstr>Region 2.5: Speed regulation </vt:lpstr>
      <vt:lpstr>Region 2.5: Speed regulation </vt:lpstr>
      <vt:lpstr>Region 2.5: Linearisation </vt:lpstr>
      <vt:lpstr>Region 2.5: Analysis</vt:lpstr>
      <vt:lpstr>Region 2: Speed regulation </vt:lpstr>
      <vt:lpstr>Region 2.5: Exercise answer</vt:lpstr>
      <vt:lpstr>Region 2.5: Pole-placement</vt:lpstr>
      <vt:lpstr>Region 2.5: Pole-placement</vt:lpstr>
      <vt:lpstr>Region 2.5 : Exercise</vt:lpstr>
      <vt:lpstr>Region 2.5: Answer</vt:lpstr>
      <vt:lpstr>Tower frequency </vt:lpstr>
      <vt:lpstr>Region 2.5: Summary</vt:lpstr>
      <vt:lpstr>Region 3: Power and speed regulation </vt:lpstr>
      <vt:lpstr>Region 3: Power and speed regulation </vt:lpstr>
      <vt:lpstr>Region 3: Power and speed regulation </vt:lpstr>
      <vt:lpstr>Region 3: Answer</vt:lpstr>
      <vt:lpstr>Region 3: Aerodynamic gain scheduling</vt:lpstr>
      <vt:lpstr>How to get aerodynamic gain? Method 1</vt:lpstr>
      <vt:lpstr>How to get aerodynamic gain? Method 3</vt:lpstr>
      <vt:lpstr>Aerodynamic gain scheduling</vt:lpstr>
      <vt:lpstr>Region 3: Gain-scheduling exercise</vt:lpstr>
      <vt:lpstr>Region 3: Gain-scheduling exercise</vt:lpstr>
      <vt:lpstr>Region 3: Answer</vt:lpstr>
      <vt:lpstr>Region 3: Summary</vt:lpstr>
      <vt:lpstr>Summary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lan Wai Hou Lio</cp:lastModifiedBy>
  <cp:revision>128</cp:revision>
  <dcterms:created xsi:type="dcterms:W3CDTF">2017-07-31T08:31:56Z</dcterms:created>
  <dcterms:modified xsi:type="dcterms:W3CDTF">2021-06-15T14:35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7513408964947</vt:lpwstr>
  </property>
  <property fmtid="{D5CDD505-2E9C-101B-9397-08002B2CF9AE}" pid="6" name="TemplafyLanguageCode">
    <vt:lpwstr>en-GB</vt:lpwstr>
  </property>
</Properties>
</file>